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子ども・子育て支援課_20190821\ファイル名変更\"/>
    </mc:Choice>
  </mc:AlternateContent>
  <bookViews>
    <workbookView xWindow="-2370" yWindow="780" windowWidth="20520" windowHeight="8040"/>
  </bookViews>
  <sheets>
    <sheet name="認定こども園" sheetId="1" r:id="rId1"/>
  </sheets>
  <definedNames>
    <definedName name="_xlnm._FilterDatabase" localSheetId="0" hidden="1">認定こども園!$A$1:$I$61</definedName>
    <definedName name="DATA1">認定こども園!$B$25:$I$60</definedName>
    <definedName name="FULLDATA">認定こども園!$B$1:$I$60</definedName>
    <definedName name="PRINT">認定こども園!$A$1:$I$60</definedName>
    <definedName name="_xlnm.Print_Area" localSheetId="0">認定こども園!$A$1:$J$59</definedName>
    <definedName name="_xlnm.Print_Titles" localSheetId="0">認定こども園!$A:$E,認定こども園!$1:$1</definedName>
    <definedName name="TEST1">認定こども園!$B$1:$AS$60</definedName>
    <definedName name="安来市">認定こども園!#REF!</definedName>
    <definedName name="益田市">認定こども園!#REF!</definedName>
    <definedName name="江津市">認定こども園!#REF!</definedName>
    <definedName name="出雲市">認定こども園!#REF!</definedName>
    <definedName name="松江市">認定こども園!#REF!</definedName>
    <definedName name="大田市">認定こども園!#REF!</definedName>
    <definedName name="美保関町">認定こども園!#REF!</definedName>
    <definedName name="浜田市">認定こども園!#REF!</definedName>
    <definedName name="平田市">認定こども園!#REF!</definedName>
  </definedNames>
  <calcPr calcId="162913"/>
</workbook>
</file>

<file path=xl/sharedStrings.xml><?xml version="1.0" encoding="utf-8"?>
<sst xmlns="http://schemas.openxmlformats.org/spreadsheetml/2006/main" count="358" uniqueCount="207">
  <si>
    <t>大田市</t>
  </si>
  <si>
    <t>あゆみ保育園</t>
  </si>
  <si>
    <t>08512　2-5106</t>
  </si>
  <si>
    <t>番号</t>
  </si>
  <si>
    <t>市町村名</t>
  </si>
  <si>
    <t>設置</t>
  </si>
  <si>
    <t>施　設　名</t>
  </si>
  <si>
    <t>郵便番号</t>
  </si>
  <si>
    <t>　所　　在　　地</t>
  </si>
  <si>
    <t>電話番号</t>
  </si>
  <si>
    <t>松江市</t>
  </si>
  <si>
    <t>公</t>
  </si>
  <si>
    <t>松江市古志原3丁目4-35</t>
  </si>
  <si>
    <t>0852　21-3800</t>
  </si>
  <si>
    <t>私</t>
  </si>
  <si>
    <t>松江市東朝日町232</t>
  </si>
  <si>
    <t>0852　21-4148</t>
  </si>
  <si>
    <t>松江市比津が丘4丁目2-34</t>
  </si>
  <si>
    <t>0852　26-2025</t>
  </si>
  <si>
    <t>松江市西浜佐陀町546－9</t>
  </si>
  <si>
    <t>0852　36-6742</t>
  </si>
  <si>
    <t>江津市</t>
  </si>
  <si>
    <t>江津市都野津町2325-3</t>
  </si>
  <si>
    <t>0855　53-2555</t>
  </si>
  <si>
    <t>0855　55-1024</t>
  </si>
  <si>
    <t>0855　55-0017</t>
  </si>
  <si>
    <t>安来市</t>
  </si>
  <si>
    <t>安来市飯梨町447-2</t>
  </si>
  <si>
    <t>0854　28-6447</t>
  </si>
  <si>
    <t>安来市大塚町399-1</t>
  </si>
  <si>
    <t>0854　27-0051</t>
  </si>
  <si>
    <t>0854　28-8634</t>
  </si>
  <si>
    <t>0854　36-0227</t>
  </si>
  <si>
    <t>0854　32-3807</t>
  </si>
  <si>
    <t>0854　34-0244</t>
  </si>
  <si>
    <t>0854　37-1382</t>
  </si>
  <si>
    <t>0854　37-0059</t>
  </si>
  <si>
    <t>0854　37-1059</t>
  </si>
  <si>
    <t>0854　38-0210</t>
  </si>
  <si>
    <t>安来市下坂田町197-1</t>
  </si>
  <si>
    <t>0854　23-1577</t>
  </si>
  <si>
    <t>浜田市</t>
  </si>
  <si>
    <t>浜田市日脚町771</t>
  </si>
  <si>
    <t>0855　27-1064</t>
  </si>
  <si>
    <t>益田市</t>
  </si>
  <si>
    <t>益田市水分町7-50</t>
  </si>
  <si>
    <t>0856　22-1730</t>
  </si>
  <si>
    <t>益田市七尾町7-5</t>
  </si>
  <si>
    <t>0856　22-1467</t>
  </si>
  <si>
    <t>0856　25-2094</t>
  </si>
  <si>
    <t>0856　23-0567</t>
  </si>
  <si>
    <t>0854　74-0330</t>
  </si>
  <si>
    <t>0854　75-0201</t>
  </si>
  <si>
    <t>益田市須子町18-13</t>
  </si>
  <si>
    <t>0856　23-4588</t>
  </si>
  <si>
    <t>出雲市</t>
  </si>
  <si>
    <t>松江市比津町314-1</t>
  </si>
  <si>
    <t>0852  28-2218</t>
  </si>
  <si>
    <t>松江市乃木福富町318-1</t>
  </si>
  <si>
    <t>0852　60-1818</t>
  </si>
  <si>
    <t>比津ヶ丘保育園わらべのその</t>
  </si>
  <si>
    <t>松江市比津町317</t>
  </si>
  <si>
    <t>0852  28-2248</t>
  </si>
  <si>
    <t>松江市西浜佐陀町1261-1</t>
  </si>
  <si>
    <t>0852  36-5945</t>
  </si>
  <si>
    <t>0852　62-8221</t>
  </si>
  <si>
    <t>松江市上乃木四丁目9-39</t>
  </si>
  <si>
    <t>0852　67-3160</t>
  </si>
  <si>
    <t>益田市久城町1017-7</t>
  </si>
  <si>
    <t>安来市広瀬町布部233-2</t>
  </si>
  <si>
    <t>安来市広瀬町広瀬631-1</t>
  </si>
  <si>
    <t>安来市広瀬町西比田1701-1</t>
  </si>
  <si>
    <t>安来市伯太町西母里1042-1</t>
  </si>
  <si>
    <t>安来市伯太町安田中166</t>
  </si>
  <si>
    <t>安来市伯太町井尻857-1</t>
  </si>
  <si>
    <t>安来市伯太町赤屋122-1</t>
  </si>
  <si>
    <t>雲南市</t>
  </si>
  <si>
    <t>雲南市加茂町宇治238</t>
  </si>
  <si>
    <t>0854　49-6760</t>
  </si>
  <si>
    <t>雲南市吉田町吉田2664</t>
  </si>
  <si>
    <t>雲南市吉田町深野244-4</t>
  </si>
  <si>
    <t>雲南市掛合町掛合2149-2</t>
  </si>
  <si>
    <t>0854　62-9900</t>
  </si>
  <si>
    <t>大田市大田町吉永1355-1</t>
  </si>
  <si>
    <t>0854　82-1791</t>
  </si>
  <si>
    <t>江津市浅利町336-4</t>
  </si>
  <si>
    <t>浜田市旭町丸原155-15</t>
  </si>
  <si>
    <t>0855　45-8181</t>
  </si>
  <si>
    <t>認定こども園
認定</t>
  </si>
  <si>
    <t>備　考</t>
  </si>
  <si>
    <t>松江市玉湯町湯町1714-1</t>
  </si>
  <si>
    <t>認定こども園日脚保育園</t>
  </si>
  <si>
    <t>認定こども園あさひ子ども園</t>
  </si>
  <si>
    <t>認定こども園飯梨</t>
  </si>
  <si>
    <t>認定こども園大塚</t>
  </si>
  <si>
    <t>認定こども園布部</t>
  </si>
  <si>
    <t>認定こども園広瀬</t>
  </si>
  <si>
    <t>認定こども園比田</t>
  </si>
  <si>
    <t>認定こども園母里</t>
  </si>
  <si>
    <t>認定こども園安田</t>
  </si>
  <si>
    <t>認定こども園井尻</t>
  </si>
  <si>
    <t>認定こども園赤屋</t>
  </si>
  <si>
    <t>あさりこども園</t>
  </si>
  <si>
    <t>さくらこども園</t>
  </si>
  <si>
    <t>江津市後地町843番地1</t>
  </si>
  <si>
    <t>隠岐の島町</t>
  </si>
  <si>
    <t>原田認定こども園</t>
  </si>
  <si>
    <t>隠岐郡隠岐の島町原田461</t>
  </si>
  <si>
    <t>幼保連携型</t>
  </si>
  <si>
    <t>ふたば第一こども園</t>
  </si>
  <si>
    <t>ふたば第二こども園</t>
  </si>
  <si>
    <t>ふたば第三こども園</t>
  </si>
  <si>
    <t>ふたば古志原こども園</t>
  </si>
  <si>
    <t>のぎこども園</t>
  </si>
  <si>
    <t>認定こども園光幼保園</t>
  </si>
  <si>
    <t>出雲市灘分町53-2</t>
  </si>
  <si>
    <t>0853　63-3681</t>
  </si>
  <si>
    <t>認定こども園多伎こども園</t>
  </si>
  <si>
    <t>0853　86-2711</t>
  </si>
  <si>
    <t>認定こども園荒島</t>
  </si>
  <si>
    <t>安来市荒島町3508</t>
  </si>
  <si>
    <t>0854　28-8416</t>
  </si>
  <si>
    <t>あかえこども園</t>
  </si>
  <si>
    <t>安来市赤江町1740－4</t>
  </si>
  <si>
    <t>ふたばこども園</t>
  </si>
  <si>
    <t>認定こども園木次こども園</t>
  </si>
  <si>
    <t>雲南市木次町新市160</t>
  </si>
  <si>
    <t>0854　42-2341</t>
  </si>
  <si>
    <t>認定こども園加茂こども園</t>
  </si>
  <si>
    <t>幼稚園型</t>
  </si>
  <si>
    <t>松江市下東川津町728-10</t>
    <rPh sb="0" eb="3">
      <t>マツエシ</t>
    </rPh>
    <rPh sb="3" eb="8">
      <t>シモヒガシカワツチョウ</t>
    </rPh>
    <phoneticPr fontId="2"/>
  </si>
  <si>
    <t>0852　31-1981</t>
    <phoneticPr fontId="2"/>
  </si>
  <si>
    <t>雲南市大東町南村196番地</t>
    <rPh sb="0" eb="3">
      <t>ウンナンシ</t>
    </rPh>
    <rPh sb="3" eb="6">
      <t>ダイトウチョウ</t>
    </rPh>
    <rPh sb="6" eb="8">
      <t>ミナミムラ</t>
    </rPh>
    <rPh sb="11" eb="13">
      <t>バンチ</t>
    </rPh>
    <phoneticPr fontId="2"/>
  </si>
  <si>
    <t>0854　43-2298</t>
    <phoneticPr fontId="2"/>
  </si>
  <si>
    <t>雲南市木次町里方1064番地</t>
    <rPh sb="0" eb="3">
      <t>ウンナンシ</t>
    </rPh>
    <rPh sb="3" eb="6">
      <t>キスキチョウ</t>
    </rPh>
    <rPh sb="6" eb="8">
      <t>サトガタ</t>
    </rPh>
    <rPh sb="12" eb="14">
      <t>バンチ</t>
    </rPh>
    <phoneticPr fontId="2"/>
  </si>
  <si>
    <t>0854　42-2130</t>
    <phoneticPr fontId="2"/>
  </si>
  <si>
    <t>雲南市三刀屋町給下750番地2</t>
    <rPh sb="0" eb="3">
      <t>ウンナンシ</t>
    </rPh>
    <rPh sb="3" eb="7">
      <t>ミトヤチョウ</t>
    </rPh>
    <rPh sb="7" eb="9">
      <t>キュウカ</t>
    </rPh>
    <rPh sb="12" eb="14">
      <t>バンチ</t>
    </rPh>
    <phoneticPr fontId="2"/>
  </si>
  <si>
    <t>0854　45-2168</t>
    <phoneticPr fontId="2"/>
  </si>
  <si>
    <t>雲南市大東町田中50番地1</t>
    <rPh sb="0" eb="3">
      <t>ウンナンシ</t>
    </rPh>
    <rPh sb="3" eb="6">
      <t>オオヒガシチョウ</t>
    </rPh>
    <rPh sb="6" eb="8">
      <t>タナカ</t>
    </rPh>
    <rPh sb="10" eb="12">
      <t>バンチ</t>
    </rPh>
    <phoneticPr fontId="1"/>
  </si>
  <si>
    <t>0854　43-2710</t>
    <phoneticPr fontId="1"/>
  </si>
  <si>
    <t>地方裁量型</t>
  </si>
  <si>
    <t>益田市中島町ロ123番地2</t>
    <rPh sb="0" eb="3">
      <t>マスダシ</t>
    </rPh>
    <rPh sb="3" eb="6">
      <t>ナカシマチョウ</t>
    </rPh>
    <rPh sb="10" eb="12">
      <t>バンチ</t>
    </rPh>
    <phoneticPr fontId="2"/>
  </si>
  <si>
    <t>0856　23-5470</t>
    <phoneticPr fontId="2"/>
  </si>
  <si>
    <t>つわぶきこども園</t>
    <phoneticPr fontId="1"/>
  </si>
  <si>
    <t>うさぎ山こども園</t>
    <rPh sb="3" eb="4">
      <t>ヤマ</t>
    </rPh>
    <rPh sb="7" eb="8">
      <t>エン</t>
    </rPh>
    <phoneticPr fontId="1"/>
  </si>
  <si>
    <t>安来市</t>
    <rPh sb="0" eb="3">
      <t>ヤスギシ</t>
    </rPh>
    <phoneticPr fontId="1"/>
  </si>
  <si>
    <t>雲南市</t>
    <phoneticPr fontId="1"/>
  </si>
  <si>
    <t>認定こども園西こども園</t>
    <rPh sb="0" eb="2">
      <t>ニンテイ</t>
    </rPh>
    <rPh sb="5" eb="6">
      <t>エン</t>
    </rPh>
    <rPh sb="6" eb="7">
      <t>ニシ</t>
    </rPh>
    <rPh sb="10" eb="11">
      <t>エン</t>
    </rPh>
    <phoneticPr fontId="1"/>
  </si>
  <si>
    <t>松江市西川津町1610-4</t>
  </si>
  <si>
    <t>0852　26-5454</t>
  </si>
  <si>
    <t>松江市玉湯町湯町1720-1</t>
    <rPh sb="0" eb="3">
      <t>マツエシ</t>
    </rPh>
    <rPh sb="3" eb="5">
      <t>タマユ</t>
    </rPh>
    <rPh sb="5" eb="6">
      <t>チョウ</t>
    </rPh>
    <rPh sb="6" eb="8">
      <t>ユマチ</t>
    </rPh>
    <phoneticPr fontId="1"/>
  </si>
  <si>
    <t>学校法人　坪内朋和学園　育英北幼稚園</t>
    <rPh sb="5" eb="7">
      <t>ツボウチ</t>
    </rPh>
    <phoneticPr fontId="1"/>
  </si>
  <si>
    <t>江津市和木町518-1</t>
    <rPh sb="0" eb="2">
      <t>ゴウツ</t>
    </rPh>
    <rPh sb="2" eb="3">
      <t>シ</t>
    </rPh>
    <rPh sb="3" eb="5">
      <t>ワキ</t>
    </rPh>
    <rPh sb="5" eb="6">
      <t>チョウ</t>
    </rPh>
    <phoneticPr fontId="1"/>
  </si>
  <si>
    <t>松江市山代町1001番地</t>
    <rPh sb="0" eb="3">
      <t>マツエシ</t>
    </rPh>
    <rPh sb="3" eb="6">
      <t>ヤマシロチョウ</t>
    </rPh>
    <rPh sb="10" eb="12">
      <t>バンチ</t>
    </rPh>
    <phoneticPr fontId="1"/>
  </si>
  <si>
    <t>松江市大庭町1197-1</t>
    <rPh sb="0" eb="3">
      <t>マツエシ</t>
    </rPh>
    <rPh sb="3" eb="6">
      <t>オオバチョウ</t>
    </rPh>
    <phoneticPr fontId="2"/>
  </si>
  <si>
    <t>0852　23-1981</t>
    <phoneticPr fontId="2"/>
  </si>
  <si>
    <t>認定こども園島田こども園</t>
    <rPh sb="0" eb="2">
      <t>ニンテイ</t>
    </rPh>
    <rPh sb="5" eb="6">
      <t>エン</t>
    </rPh>
    <rPh sb="6" eb="8">
      <t>シマダ</t>
    </rPh>
    <rPh sb="11" eb="12">
      <t>エン</t>
    </rPh>
    <phoneticPr fontId="1"/>
  </si>
  <si>
    <t>安来市穂日島町485番地</t>
    <rPh sb="0" eb="3">
      <t>ヤスギシ</t>
    </rPh>
    <rPh sb="3" eb="4">
      <t>ホ</t>
    </rPh>
    <rPh sb="4" eb="5">
      <t>ヒ</t>
    </rPh>
    <rPh sb="5" eb="6">
      <t>シマ</t>
    </rPh>
    <rPh sb="6" eb="7">
      <t>チョウ</t>
    </rPh>
    <rPh sb="10" eb="12">
      <t>バンチ</t>
    </rPh>
    <phoneticPr fontId="1"/>
  </si>
  <si>
    <t>認定こども園能義こども園</t>
    <rPh sb="6" eb="8">
      <t>ノギ</t>
    </rPh>
    <rPh sb="11" eb="12">
      <t>エン</t>
    </rPh>
    <phoneticPr fontId="1"/>
  </si>
  <si>
    <t>安来市飯生町566番地8</t>
    <rPh sb="0" eb="3">
      <t>ヤスギシ</t>
    </rPh>
    <rPh sb="3" eb="4">
      <t>メシ</t>
    </rPh>
    <rPh sb="4" eb="5">
      <t>ナマ</t>
    </rPh>
    <rPh sb="5" eb="6">
      <t>チョウ</t>
    </rPh>
    <rPh sb="9" eb="11">
      <t>バンチ</t>
    </rPh>
    <phoneticPr fontId="1"/>
  </si>
  <si>
    <t>雲南市大東町仁和寺2435-11</t>
    <phoneticPr fontId="1"/>
  </si>
  <si>
    <t>江津市</t>
    <phoneticPr fontId="1"/>
  </si>
  <si>
    <t>出雲市多伎町小田50-5</t>
    <rPh sb="3" eb="5">
      <t>タキ</t>
    </rPh>
    <phoneticPr fontId="5"/>
  </si>
  <si>
    <t>認定こども園比津ケ丘保育園</t>
    <rPh sb="0" eb="2">
      <t>ニンテイ</t>
    </rPh>
    <rPh sb="5" eb="6">
      <t>エン</t>
    </rPh>
    <phoneticPr fontId="5"/>
  </si>
  <si>
    <t>認定こども園比津ケ丘保育園融合センター</t>
    <rPh sb="0" eb="2">
      <t>ニンテイ</t>
    </rPh>
    <rPh sb="5" eb="6">
      <t>エン</t>
    </rPh>
    <phoneticPr fontId="5"/>
  </si>
  <si>
    <t>認定こども園原浜保育所</t>
    <rPh sb="0" eb="2">
      <t>ニンテイ</t>
    </rPh>
    <rPh sb="5" eb="6">
      <t>エン</t>
    </rPh>
    <phoneticPr fontId="5"/>
  </si>
  <si>
    <t>認定こども園のぞみ保育園</t>
    <rPh sb="0" eb="2">
      <t>ニンテイ</t>
    </rPh>
    <rPh sb="5" eb="6">
      <t>エン</t>
    </rPh>
    <phoneticPr fontId="5"/>
  </si>
  <si>
    <t>認定こども園吉田保育所</t>
    <rPh sb="0" eb="2">
      <t>ニンテイ</t>
    </rPh>
    <rPh sb="5" eb="6">
      <t>エン</t>
    </rPh>
    <phoneticPr fontId="5"/>
  </si>
  <si>
    <t>保育所
認可定員</t>
    <phoneticPr fontId="5"/>
  </si>
  <si>
    <t>幼保連携型</t>
    <rPh sb="0" eb="2">
      <t>ヨウホ</t>
    </rPh>
    <rPh sb="2" eb="4">
      <t>レンケイ</t>
    </rPh>
    <rPh sb="4" eb="5">
      <t>ガタ</t>
    </rPh>
    <phoneticPr fontId="5"/>
  </si>
  <si>
    <t>吉田こども園</t>
    <rPh sb="5" eb="6">
      <t>エン</t>
    </rPh>
    <phoneticPr fontId="1"/>
  </si>
  <si>
    <t>松江認定こども園</t>
    <rPh sb="2" eb="4">
      <t>ニンテイ</t>
    </rPh>
    <rPh sb="7" eb="8">
      <t>エン</t>
    </rPh>
    <phoneticPr fontId="5"/>
  </si>
  <si>
    <t>たまちこども園</t>
    <phoneticPr fontId="5"/>
  </si>
  <si>
    <t>浜田市港町263-1</t>
    <phoneticPr fontId="5"/>
  </si>
  <si>
    <t>0855　22-1121</t>
  </si>
  <si>
    <t>認定こども園こくふ子ども園</t>
  </si>
  <si>
    <t>浜田市国分町2205－3</t>
  </si>
  <si>
    <t>0855　24-8531</t>
  </si>
  <si>
    <t>認定こども園北陵幼稚園北陵保育園</t>
  </si>
  <si>
    <t>出雲市斐川町上直江3337</t>
  </si>
  <si>
    <t>0853　73-7296</t>
  </si>
  <si>
    <t>益田市神田町イ192番地9</t>
    <rPh sb="10" eb="12">
      <t>バンチ</t>
    </rPh>
    <phoneticPr fontId="5"/>
  </si>
  <si>
    <t>0855  54-1425</t>
    <phoneticPr fontId="1"/>
  </si>
  <si>
    <t>0854  22-2244</t>
    <phoneticPr fontId="1"/>
  </si>
  <si>
    <t>認定こども園玉湯さくら保育園</t>
    <rPh sb="0" eb="2">
      <t>ニンテイ</t>
    </rPh>
    <rPh sb="5" eb="6">
      <t>エン</t>
    </rPh>
    <phoneticPr fontId="5"/>
  </si>
  <si>
    <t>認定こども園第２玉湯さくら保育園</t>
    <rPh sb="0" eb="2">
      <t>ニンテイ</t>
    </rPh>
    <rPh sb="5" eb="6">
      <t>エン</t>
    </rPh>
    <rPh sb="6" eb="7">
      <t>ダイ</t>
    </rPh>
    <rPh sb="8" eb="10">
      <t>タマユ</t>
    </rPh>
    <rPh sb="13" eb="15">
      <t>ホイク</t>
    </rPh>
    <rPh sb="15" eb="16">
      <t>エン</t>
    </rPh>
    <phoneticPr fontId="1"/>
  </si>
  <si>
    <t>まどころナーサリースクール</t>
    <phoneticPr fontId="5"/>
  </si>
  <si>
    <t>認定こども園明星保育園</t>
    <rPh sb="0" eb="2">
      <t>ニンテイ</t>
    </rPh>
    <rPh sb="5" eb="6">
      <t>エン</t>
    </rPh>
    <phoneticPr fontId="5"/>
  </si>
  <si>
    <t>認定こども園益田ひかり保育所</t>
    <rPh sb="0" eb="2">
      <t>ニンテイ</t>
    </rPh>
    <rPh sb="5" eb="6">
      <t>エン</t>
    </rPh>
    <phoneticPr fontId="5"/>
  </si>
  <si>
    <t>認定こども園神田保育園</t>
    <rPh sb="0" eb="2">
      <t>ニンテイ</t>
    </rPh>
    <rPh sb="5" eb="6">
      <t>エン</t>
    </rPh>
    <phoneticPr fontId="5"/>
  </si>
  <si>
    <t>認定こども園海潮こども園</t>
    <rPh sb="0" eb="2">
      <t>ニンテイ</t>
    </rPh>
    <rPh sb="5" eb="6">
      <t>エン</t>
    </rPh>
    <phoneticPr fontId="5"/>
  </si>
  <si>
    <t>認定こども園斐伊こども園</t>
    <rPh sb="0" eb="2">
      <t>ニンテイ</t>
    </rPh>
    <rPh sb="5" eb="6">
      <t>エン</t>
    </rPh>
    <phoneticPr fontId="5"/>
  </si>
  <si>
    <t>認定こども園三刀屋こども園</t>
    <rPh sb="0" eb="2">
      <t>ニンテイ</t>
    </rPh>
    <rPh sb="5" eb="6">
      <t>エン</t>
    </rPh>
    <phoneticPr fontId="5"/>
  </si>
  <si>
    <t>認定こども園大東こども園</t>
    <rPh sb="0" eb="2">
      <t>ニンテイ</t>
    </rPh>
    <rPh sb="5" eb="6">
      <t>ソノ</t>
    </rPh>
    <rPh sb="6" eb="8">
      <t>ダイトウ</t>
    </rPh>
    <rPh sb="11" eb="12">
      <t>ソノ</t>
    </rPh>
    <phoneticPr fontId="1"/>
  </si>
  <si>
    <t>認定こども園田井保育所</t>
    <rPh sb="0" eb="2">
      <t>ニンテイ</t>
    </rPh>
    <rPh sb="5" eb="6">
      <t>エン</t>
    </rPh>
    <phoneticPr fontId="5"/>
  </si>
  <si>
    <t>認定こども園掛合保育所</t>
    <rPh sb="0" eb="2">
      <t>ニンテイ</t>
    </rPh>
    <rPh sb="5" eb="6">
      <t>エン</t>
    </rPh>
    <phoneticPr fontId="5"/>
  </si>
  <si>
    <t>0852　61-3221</t>
    <phoneticPr fontId="1"/>
  </si>
  <si>
    <t>0854　22-5325</t>
    <phoneticPr fontId="1"/>
  </si>
  <si>
    <t>0854　43-6005</t>
    <phoneticPr fontId="1"/>
  </si>
  <si>
    <t>認定こども園みなと子ども園</t>
    <rPh sb="0" eb="2">
      <t>ニンテイ</t>
    </rPh>
    <rPh sb="5" eb="6">
      <t>エン</t>
    </rPh>
    <rPh sb="9" eb="10">
      <t>コ</t>
    </rPh>
    <phoneticPr fontId="1"/>
  </si>
  <si>
    <t>学校法人　坪内朋和学園　育英幼稚園</t>
    <rPh sb="5" eb="7">
      <t>ツボウチ</t>
    </rPh>
    <phoneticPr fontId="1"/>
  </si>
  <si>
    <t>0852　22-9696</t>
    <phoneticPr fontId="1"/>
  </si>
  <si>
    <t>保育所型</t>
    <phoneticPr fontId="1"/>
  </si>
  <si>
    <t>保育所型</t>
    <phoneticPr fontId="5"/>
  </si>
  <si>
    <t>保育所型</t>
    <phoneticPr fontId="5"/>
  </si>
  <si>
    <t>保育所型</t>
    <phoneticPr fontId="5"/>
  </si>
  <si>
    <t>保育所型</t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2"/>
      <name val="ＭＳ ゴシック"/>
      <family val="3"/>
      <charset val="128"/>
    </font>
    <font>
      <sz val="6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name val="ＭＳ ゴシック"/>
      <family val="3"/>
      <charset val="128"/>
    </font>
    <font>
      <sz val="12"/>
      <name val="ＭＳ ゴシック"/>
      <family val="3"/>
      <charset val="128"/>
    </font>
    <font>
      <sz val="6"/>
      <name val="ＭＳ Ｐゴシック"/>
      <family val="2"/>
      <charset val="128"/>
      <scheme val="minor"/>
    </font>
    <font>
      <sz val="12"/>
      <color theme="1"/>
      <name val="ＭＳ ゴシック"/>
      <family val="3"/>
      <charset val="128"/>
    </font>
    <font>
      <sz val="14"/>
      <color theme="1"/>
      <name val="ＭＳ ゴシック"/>
      <family val="3"/>
      <charset val="128"/>
    </font>
    <font>
      <sz val="18"/>
      <color theme="1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7">
    <border>
      <left/>
      <right/>
      <top/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1">
    <xf numFmtId="0" fontId="0" fillId="0" borderId="0"/>
  </cellStyleXfs>
  <cellXfs count="75">
    <xf numFmtId="0" fontId="0" fillId="0" borderId="0" xfId="0" applyNumberFormat="1" applyFont="1" applyAlignment="1" applyProtection="1">
      <protection locked="0"/>
    </xf>
    <xf numFmtId="0" fontId="0" fillId="2" borderId="1" xfId="0" applyFont="1" applyFill="1" applyBorder="1" applyAlignment="1">
      <alignment vertical="center"/>
    </xf>
    <xf numFmtId="0" fontId="0" fillId="2" borderId="0" xfId="0" applyFont="1" applyFill="1" applyAlignment="1"/>
    <xf numFmtId="0" fontId="0" fillId="2" borderId="0" xfId="0" applyFont="1" applyFill="1" applyAlignment="1">
      <alignment shrinkToFit="1"/>
    </xf>
    <xf numFmtId="0" fontId="0" fillId="2" borderId="0" xfId="0" applyFont="1" applyFill="1" applyAlignment="1">
      <alignment horizontal="center"/>
    </xf>
    <xf numFmtId="0" fontId="0" fillId="2" borderId="0" xfId="0" applyNumberFormat="1" applyFont="1" applyFill="1" applyAlignment="1" applyProtection="1">
      <protection locked="0"/>
    </xf>
    <xf numFmtId="0" fontId="0" fillId="2" borderId="1" xfId="0" applyFont="1" applyFill="1" applyBorder="1" applyAlignment="1">
      <alignment horizontal="center" vertical="center"/>
    </xf>
    <xf numFmtId="0" fontId="0" fillId="2" borderId="1" xfId="0" applyFont="1" applyFill="1" applyBorder="1" applyAlignment="1">
      <alignment horizontal="center" vertical="center" wrapText="1"/>
    </xf>
    <xf numFmtId="0" fontId="0" fillId="2" borderId="1" xfId="0" applyFont="1" applyFill="1" applyBorder="1" applyAlignment="1">
      <alignment horizontal="center" vertical="center" shrinkToFit="1"/>
    </xf>
    <xf numFmtId="0" fontId="3" fillId="2" borderId="1" xfId="0" applyFont="1" applyFill="1" applyBorder="1" applyAlignment="1">
      <alignment horizontal="center" vertical="center" wrapText="1"/>
    </xf>
    <xf numFmtId="0" fontId="0" fillId="2" borderId="1" xfId="0" applyNumberFormat="1" applyFont="1" applyFill="1" applyBorder="1" applyAlignment="1">
      <alignment horizontal="center" vertical="center"/>
    </xf>
    <xf numFmtId="0" fontId="4" fillId="0" borderId="0" xfId="0" applyFont="1" applyFill="1" applyAlignment="1"/>
    <xf numFmtId="0" fontId="4" fillId="0" borderId="0" xfId="0" applyNumberFormat="1" applyFont="1" applyFill="1" applyAlignment="1" applyProtection="1">
      <protection locked="0"/>
    </xf>
    <xf numFmtId="0" fontId="0" fillId="2" borderId="0" xfId="0" applyFont="1" applyFill="1" applyAlignment="1">
      <alignment vertical="center"/>
    </xf>
    <xf numFmtId="0" fontId="0" fillId="2" borderId="0" xfId="0" applyNumberFormat="1" applyFont="1" applyFill="1" applyAlignment="1" applyProtection="1">
      <alignment vertical="center"/>
      <protection locked="0"/>
    </xf>
    <xf numFmtId="0" fontId="6" fillId="2" borderId="1" xfId="0" applyFont="1" applyFill="1" applyBorder="1" applyAlignment="1">
      <alignment vertical="center"/>
    </xf>
    <xf numFmtId="0" fontId="6" fillId="2" borderId="1" xfId="0" applyFont="1" applyFill="1" applyBorder="1" applyAlignment="1">
      <alignment horizontal="center" vertical="center"/>
    </xf>
    <xf numFmtId="0" fontId="6" fillId="2" borderId="1" xfId="0" applyFont="1" applyFill="1" applyBorder="1" applyAlignment="1">
      <alignment vertical="center" shrinkToFit="1"/>
    </xf>
    <xf numFmtId="0" fontId="6" fillId="2" borderId="1" xfId="0" applyNumberFormat="1" applyFont="1" applyFill="1" applyBorder="1" applyAlignment="1">
      <alignment vertical="center"/>
    </xf>
    <xf numFmtId="0" fontId="6" fillId="2" borderId="5" xfId="0" applyFont="1" applyFill="1" applyBorder="1" applyAlignment="1">
      <alignment vertical="center" shrinkToFit="1"/>
    </xf>
    <xf numFmtId="0" fontId="6" fillId="2" borderId="4" xfId="0" applyFont="1" applyFill="1" applyBorder="1" applyAlignment="1">
      <alignment vertical="center"/>
    </xf>
    <xf numFmtId="0" fontId="6" fillId="2" borderId="4" xfId="0" applyFont="1" applyFill="1" applyBorder="1" applyAlignment="1">
      <alignment horizontal="center" vertical="center"/>
    </xf>
    <xf numFmtId="0" fontId="6" fillId="2" borderId="4" xfId="0" applyFont="1" applyFill="1" applyBorder="1" applyAlignment="1">
      <alignment vertical="center" shrinkToFit="1"/>
    </xf>
    <xf numFmtId="0" fontId="6" fillId="2" borderId="1" xfId="0" applyFont="1" applyFill="1" applyBorder="1" applyAlignment="1">
      <alignment vertical="center" wrapText="1"/>
    </xf>
    <xf numFmtId="0" fontId="6" fillId="2" borderId="5" xfId="0" applyFont="1" applyFill="1" applyBorder="1" applyAlignment="1">
      <alignment vertical="center"/>
    </xf>
    <xf numFmtId="0" fontId="6" fillId="2" borderId="5" xfId="0" applyFont="1" applyFill="1" applyBorder="1" applyAlignment="1">
      <alignment horizontal="center" vertical="center"/>
    </xf>
    <xf numFmtId="0" fontId="6" fillId="2" borderId="5" xfId="0" applyNumberFormat="1" applyFont="1" applyFill="1" applyBorder="1" applyAlignment="1">
      <alignment vertical="center"/>
    </xf>
    <xf numFmtId="0" fontId="6" fillId="2" borderId="5" xfId="0" applyFont="1" applyFill="1" applyBorder="1" applyAlignment="1">
      <alignment vertical="center" wrapText="1"/>
    </xf>
    <xf numFmtId="0" fontId="6" fillId="2" borderId="7" xfId="0" applyFont="1" applyFill="1" applyBorder="1" applyAlignment="1">
      <alignment horizontal="center" vertical="center"/>
    </xf>
    <xf numFmtId="0" fontId="6" fillId="2" borderId="1" xfId="0" applyNumberFormat="1" applyFont="1" applyFill="1" applyBorder="1" applyAlignment="1">
      <alignment horizontal="right" vertical="center"/>
    </xf>
    <xf numFmtId="0" fontId="6" fillId="2" borderId="10" xfId="0" applyFont="1" applyFill="1" applyBorder="1" applyAlignment="1">
      <alignment horizontal="center" vertical="center"/>
    </xf>
    <xf numFmtId="0" fontId="6" fillId="2" borderId="7" xfId="0" applyFont="1" applyFill="1" applyBorder="1" applyAlignment="1">
      <alignment vertical="center" shrinkToFit="1"/>
    </xf>
    <xf numFmtId="0" fontId="6" fillId="2" borderId="7" xfId="0" applyFont="1" applyFill="1" applyBorder="1" applyAlignment="1">
      <alignment vertical="center"/>
    </xf>
    <xf numFmtId="0" fontId="6" fillId="2" borderId="7" xfId="0" applyNumberFormat="1" applyFont="1" applyFill="1" applyBorder="1" applyAlignment="1">
      <alignment horizontal="right" vertical="center"/>
    </xf>
    <xf numFmtId="0" fontId="6" fillId="2" borderId="8" xfId="0" applyFont="1" applyFill="1" applyBorder="1" applyAlignment="1">
      <alignment vertical="center"/>
    </xf>
    <xf numFmtId="0" fontId="6" fillId="2" borderId="4" xfId="0" applyNumberFormat="1" applyFont="1" applyFill="1" applyBorder="1" applyAlignment="1">
      <alignment horizontal="right" vertical="center"/>
    </xf>
    <xf numFmtId="0" fontId="6" fillId="2" borderId="11" xfId="0" applyFont="1" applyFill="1" applyBorder="1" applyAlignment="1">
      <alignment horizontal="center" vertical="center"/>
    </xf>
    <xf numFmtId="0" fontId="6" fillId="2" borderId="11" xfId="0" applyFont="1" applyFill="1" applyBorder="1" applyAlignment="1">
      <alignment horizontal="right" vertical="center" shrinkToFit="1"/>
    </xf>
    <xf numFmtId="0" fontId="6" fillId="2" borderId="3" xfId="0" applyFont="1" applyFill="1" applyBorder="1" applyAlignment="1">
      <alignment horizontal="left" vertical="center" shrinkToFit="1"/>
    </xf>
    <xf numFmtId="0" fontId="8" fillId="2" borderId="4" xfId="0" applyFont="1" applyFill="1" applyBorder="1" applyAlignment="1">
      <alignment horizontal="left" vertical="center" shrinkToFit="1"/>
    </xf>
    <xf numFmtId="0" fontId="6" fillId="2" borderId="4" xfId="0" applyFont="1" applyFill="1" applyBorder="1" applyAlignment="1">
      <alignment horizontal="left" vertical="center" shrinkToFit="1"/>
    </xf>
    <xf numFmtId="0" fontId="6" fillId="2" borderId="10" xfId="0" applyFont="1" applyFill="1" applyBorder="1" applyAlignment="1">
      <alignment vertical="center" shrinkToFit="1"/>
    </xf>
    <xf numFmtId="0" fontId="6" fillId="2" borderId="0" xfId="0" applyFont="1" applyFill="1" applyBorder="1" applyAlignment="1">
      <alignment vertical="center" shrinkToFit="1"/>
    </xf>
    <xf numFmtId="0" fontId="6" fillId="2" borderId="0" xfId="0" applyFont="1" applyFill="1" applyBorder="1" applyAlignment="1">
      <alignment vertical="center"/>
    </xf>
    <xf numFmtId="0" fontId="6" fillId="2" borderId="4" xfId="0" applyFont="1" applyFill="1" applyBorder="1" applyAlignment="1"/>
    <xf numFmtId="0" fontId="6" fillId="2" borderId="0" xfId="0" applyNumberFormat="1" applyFont="1" applyFill="1" applyBorder="1" applyAlignment="1">
      <alignment vertical="center"/>
    </xf>
    <xf numFmtId="0" fontId="6" fillId="2" borderId="0" xfId="0" applyFont="1" applyFill="1" applyBorder="1" applyAlignment="1">
      <alignment horizontal="center" vertical="center"/>
    </xf>
    <xf numFmtId="0" fontId="6" fillId="2" borderId="4" xfId="0" applyFont="1" applyFill="1" applyBorder="1" applyAlignment="1">
      <alignment horizontal="right" vertical="center" shrinkToFit="1"/>
    </xf>
    <xf numFmtId="0" fontId="6" fillId="2" borderId="2" xfId="0" applyFont="1" applyFill="1" applyBorder="1" applyAlignment="1">
      <alignment horizontal="left" vertical="center" shrinkToFit="1"/>
    </xf>
    <xf numFmtId="0" fontId="6" fillId="2" borderId="4" xfId="0" applyFont="1" applyFill="1" applyBorder="1" applyAlignment="1">
      <alignment horizontal="left" vertical="center"/>
    </xf>
    <xf numFmtId="0" fontId="6" fillId="2" borderId="7" xfId="0" applyFont="1" applyFill="1" applyBorder="1" applyAlignment="1">
      <alignment horizontal="left" vertical="center" shrinkToFit="1"/>
    </xf>
    <xf numFmtId="0" fontId="6" fillId="2" borderId="10" xfId="0" applyFont="1" applyFill="1" applyBorder="1" applyAlignment="1">
      <alignment vertical="center"/>
    </xf>
    <xf numFmtId="0" fontId="6" fillId="2" borderId="10" xfId="0" applyFont="1" applyFill="1" applyBorder="1" applyAlignment="1">
      <alignment horizontal="left" vertical="center" shrinkToFit="1"/>
    </xf>
    <xf numFmtId="0" fontId="6" fillId="2" borderId="10" xfId="0" applyFont="1" applyFill="1" applyBorder="1" applyAlignment="1">
      <alignment horizontal="right" vertical="center" shrinkToFit="1"/>
    </xf>
    <xf numFmtId="0" fontId="6" fillId="2" borderId="10" xfId="0" applyFont="1" applyFill="1" applyBorder="1" applyAlignment="1"/>
    <xf numFmtId="0" fontId="6" fillId="2" borderId="0" xfId="0" applyFont="1" applyFill="1" applyBorder="1" applyAlignment="1">
      <alignment horizontal="center" wrapText="1"/>
    </xf>
    <xf numFmtId="0" fontId="6" fillId="2" borderId="0" xfId="0" applyFont="1" applyFill="1" applyBorder="1" applyAlignment="1">
      <alignment horizontal="left" wrapText="1"/>
    </xf>
    <xf numFmtId="0" fontId="6" fillId="2" borderId="0" xfId="0" applyFont="1" applyFill="1" applyAlignment="1">
      <alignment vertical="center"/>
    </xf>
    <xf numFmtId="0" fontId="6" fillId="2" borderId="8" xfId="0" applyFont="1" applyFill="1" applyBorder="1" applyAlignment="1">
      <alignment vertical="center" shrinkToFit="1"/>
    </xf>
    <xf numFmtId="0" fontId="8" fillId="2" borderId="2" xfId="0" applyFont="1" applyFill="1" applyBorder="1" applyAlignment="1">
      <alignment horizontal="left" vertical="center" shrinkToFit="1"/>
    </xf>
    <xf numFmtId="0" fontId="6" fillId="2" borderId="13" xfId="0" applyFont="1" applyFill="1" applyBorder="1" applyAlignment="1">
      <alignment vertical="center"/>
    </xf>
    <xf numFmtId="0" fontId="6" fillId="2" borderId="14" xfId="0" applyNumberFormat="1" applyFont="1" applyFill="1" applyBorder="1" applyAlignment="1" applyProtection="1">
      <alignment vertical="center"/>
      <protection locked="0"/>
    </xf>
    <xf numFmtId="0" fontId="6" fillId="2" borderId="10" xfId="0" applyNumberFormat="1" applyFont="1" applyFill="1" applyBorder="1" applyAlignment="1">
      <alignment horizontal="right" vertical="center"/>
    </xf>
    <xf numFmtId="0" fontId="6" fillId="2" borderId="9" xfId="0" applyFont="1" applyFill="1" applyBorder="1" applyAlignment="1">
      <alignment vertical="center"/>
    </xf>
    <xf numFmtId="0" fontId="7" fillId="2" borderId="6" xfId="0" applyFont="1" applyFill="1" applyBorder="1" applyAlignment="1">
      <alignment vertical="center"/>
    </xf>
    <xf numFmtId="0" fontId="6" fillId="2" borderId="15" xfId="0" applyFont="1" applyFill="1" applyBorder="1" applyAlignment="1">
      <alignment vertical="center"/>
    </xf>
    <xf numFmtId="0" fontId="6" fillId="2" borderId="16" xfId="0" applyFont="1" applyFill="1" applyBorder="1" applyAlignment="1">
      <alignment vertical="center" shrinkToFit="1"/>
    </xf>
    <xf numFmtId="0" fontId="6" fillId="2" borderId="9" xfId="0" applyFont="1" applyFill="1" applyBorder="1" applyAlignment="1">
      <alignment vertical="center" wrapText="1"/>
    </xf>
    <xf numFmtId="0" fontId="6" fillId="2" borderId="5" xfId="0" applyFont="1" applyFill="1" applyBorder="1" applyAlignment="1">
      <alignment horizontal="left" vertical="center" shrinkToFit="1"/>
    </xf>
    <xf numFmtId="0" fontId="6" fillId="2" borderId="11" xfId="0" applyFont="1" applyFill="1" applyBorder="1" applyAlignment="1">
      <alignment vertical="center"/>
    </xf>
    <xf numFmtId="0" fontId="6" fillId="2" borderId="11" xfId="0" applyFont="1" applyFill="1" applyBorder="1" applyAlignment="1">
      <alignment vertical="center" shrinkToFit="1"/>
    </xf>
    <xf numFmtId="0" fontId="6" fillId="2" borderId="11" xfId="0" applyFont="1" applyFill="1" applyBorder="1" applyAlignment="1"/>
    <xf numFmtId="0" fontId="6" fillId="2" borderId="7" xfId="0" applyNumberFormat="1" applyFont="1" applyFill="1" applyBorder="1" applyAlignment="1">
      <alignment vertical="center"/>
    </xf>
    <xf numFmtId="0" fontId="6" fillId="2" borderId="4" xfId="0" applyNumberFormat="1" applyFont="1" applyFill="1" applyBorder="1" applyAlignment="1">
      <alignment vertical="center"/>
    </xf>
    <xf numFmtId="0" fontId="6" fillId="2" borderId="12" xfId="0" applyFont="1" applyFill="1" applyBorder="1" applyAlignment="1">
      <alignment horizontal="left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33CC"/>
      <color rgb="FF00FF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>
    <pageSetUpPr autoPageBreaks="0"/>
  </sheetPr>
  <dimension ref="A1:BZ61"/>
  <sheetViews>
    <sheetView tabSelected="1" showOutlineSymbols="0" zoomScale="87" zoomScaleNormal="87" zoomScaleSheetLayoutView="75" workbookViewId="0"/>
  </sheetViews>
  <sheetFormatPr defaultColWidth="10.75" defaultRowHeight="14.25" x14ac:dyDescent="0.15"/>
  <cols>
    <col min="1" max="1" width="5.75" style="2" customWidth="1"/>
    <col min="2" max="2" width="11.5" style="2" customWidth="1"/>
    <col min="3" max="3" width="4.75" style="2" customWidth="1"/>
    <col min="4" max="4" width="14.625" style="2" customWidth="1"/>
    <col min="5" max="5" width="27" style="3" customWidth="1"/>
    <col min="6" max="6" width="8.5" style="2" customWidth="1"/>
    <col min="7" max="7" width="11.5" style="2" customWidth="1"/>
    <col min="8" max="8" width="35.25" style="4" customWidth="1"/>
    <col min="9" max="9" width="14.875" style="2" customWidth="1"/>
    <col min="10" max="10" width="13.75" style="2" customWidth="1"/>
    <col min="11" max="78" width="10.75" style="2" customWidth="1"/>
    <col min="79" max="16384" width="10.75" style="5"/>
  </cols>
  <sheetData>
    <row r="1" spans="1:78" ht="33" customHeight="1" x14ac:dyDescent="0.15">
      <c r="A1" s="6" t="s">
        <v>3</v>
      </c>
      <c r="B1" s="6" t="s">
        <v>4</v>
      </c>
      <c r="C1" s="6" t="s">
        <v>5</v>
      </c>
      <c r="D1" s="7" t="s">
        <v>88</v>
      </c>
      <c r="E1" s="8" t="s">
        <v>6</v>
      </c>
      <c r="F1" s="9" t="s">
        <v>168</v>
      </c>
      <c r="G1" s="10" t="s">
        <v>7</v>
      </c>
      <c r="H1" s="1" t="s">
        <v>8</v>
      </c>
      <c r="I1" s="6" t="s">
        <v>9</v>
      </c>
      <c r="J1" s="6" t="s">
        <v>89</v>
      </c>
    </row>
    <row r="2" spans="1:78" ht="18" customHeight="1" x14ac:dyDescent="0.15">
      <c r="A2" s="15">
        <v>1</v>
      </c>
      <c r="B2" s="15" t="s">
        <v>10</v>
      </c>
      <c r="C2" s="16" t="s">
        <v>14</v>
      </c>
      <c r="D2" s="16" t="s">
        <v>202</v>
      </c>
      <c r="E2" s="17" t="s">
        <v>171</v>
      </c>
      <c r="F2" s="15">
        <v>90</v>
      </c>
      <c r="G2" s="18">
        <v>6900001</v>
      </c>
      <c r="H2" s="15" t="s">
        <v>15</v>
      </c>
      <c r="I2" s="15" t="s">
        <v>16</v>
      </c>
      <c r="J2" s="15"/>
    </row>
    <row r="3" spans="1:78" ht="18" customHeight="1" x14ac:dyDescent="0.15">
      <c r="A3" s="15">
        <v>2</v>
      </c>
      <c r="B3" s="15" t="s">
        <v>10</v>
      </c>
      <c r="C3" s="16" t="s">
        <v>14</v>
      </c>
      <c r="D3" s="16" t="s">
        <v>202</v>
      </c>
      <c r="E3" s="17" t="s">
        <v>163</v>
      </c>
      <c r="F3" s="15">
        <v>70</v>
      </c>
      <c r="G3" s="18">
        <v>6900862</v>
      </c>
      <c r="H3" s="15" t="s">
        <v>17</v>
      </c>
      <c r="I3" s="15" t="s">
        <v>18</v>
      </c>
      <c r="J3" s="15"/>
    </row>
    <row r="4" spans="1:78" ht="18" customHeight="1" x14ac:dyDescent="0.15">
      <c r="A4" s="15">
        <v>3</v>
      </c>
      <c r="B4" s="15" t="s">
        <v>10</v>
      </c>
      <c r="C4" s="16" t="s">
        <v>14</v>
      </c>
      <c r="D4" s="16" t="s">
        <v>202</v>
      </c>
      <c r="E4" s="17" t="s">
        <v>164</v>
      </c>
      <c r="F4" s="15">
        <v>45</v>
      </c>
      <c r="G4" s="18">
        <v>6900863</v>
      </c>
      <c r="H4" s="15" t="s">
        <v>56</v>
      </c>
      <c r="I4" s="15" t="s">
        <v>57</v>
      </c>
      <c r="J4" s="15"/>
    </row>
    <row r="5" spans="1:78" ht="18" customHeight="1" x14ac:dyDescent="0.15">
      <c r="A5" s="15">
        <v>4</v>
      </c>
      <c r="B5" s="15" t="s">
        <v>10</v>
      </c>
      <c r="C5" s="16" t="s">
        <v>14</v>
      </c>
      <c r="D5" s="16" t="s">
        <v>202</v>
      </c>
      <c r="E5" s="17" t="s">
        <v>60</v>
      </c>
      <c r="F5" s="15">
        <v>60</v>
      </c>
      <c r="G5" s="18">
        <v>6900863</v>
      </c>
      <c r="H5" s="15" t="s">
        <v>61</v>
      </c>
      <c r="I5" s="15" t="s">
        <v>62</v>
      </c>
      <c r="J5" s="15"/>
    </row>
    <row r="6" spans="1:78" ht="18" customHeight="1" x14ac:dyDescent="0.15">
      <c r="A6" s="15">
        <v>5</v>
      </c>
      <c r="B6" s="15" t="s">
        <v>10</v>
      </c>
      <c r="C6" s="16" t="s">
        <v>14</v>
      </c>
      <c r="D6" s="16" t="s">
        <v>202</v>
      </c>
      <c r="E6" s="17" t="s">
        <v>185</v>
      </c>
      <c r="F6" s="15">
        <v>96</v>
      </c>
      <c r="G6" s="18">
        <v>6990202</v>
      </c>
      <c r="H6" s="15" t="s">
        <v>150</v>
      </c>
      <c r="I6" s="17" t="s">
        <v>196</v>
      </c>
      <c r="J6" s="15"/>
    </row>
    <row r="7" spans="1:78" ht="18" customHeight="1" x14ac:dyDescent="0.15">
      <c r="A7" s="15">
        <v>6</v>
      </c>
      <c r="B7" s="15" t="s">
        <v>10</v>
      </c>
      <c r="C7" s="16" t="s">
        <v>14</v>
      </c>
      <c r="D7" s="21" t="s">
        <v>108</v>
      </c>
      <c r="E7" s="17" t="s">
        <v>109</v>
      </c>
      <c r="F7" s="15">
        <v>60</v>
      </c>
      <c r="G7" s="29">
        <v>6900122</v>
      </c>
      <c r="H7" s="15" t="s">
        <v>19</v>
      </c>
      <c r="I7" s="18" t="s">
        <v>20</v>
      </c>
      <c r="J7" s="15"/>
    </row>
    <row r="8" spans="1:78" ht="18" customHeight="1" x14ac:dyDescent="0.15">
      <c r="A8" s="15">
        <v>7</v>
      </c>
      <c r="B8" s="15" t="s">
        <v>10</v>
      </c>
      <c r="C8" s="16" t="s">
        <v>14</v>
      </c>
      <c r="D8" s="21" t="s">
        <v>108</v>
      </c>
      <c r="E8" s="17" t="s">
        <v>110</v>
      </c>
      <c r="F8" s="15">
        <v>60</v>
      </c>
      <c r="G8" s="29">
        <v>6900122</v>
      </c>
      <c r="H8" s="15" t="s">
        <v>63</v>
      </c>
      <c r="I8" s="15" t="s">
        <v>64</v>
      </c>
      <c r="J8" s="15"/>
    </row>
    <row r="9" spans="1:78" ht="18" customHeight="1" x14ac:dyDescent="0.15">
      <c r="A9" s="15">
        <v>8</v>
      </c>
      <c r="B9" s="15" t="s">
        <v>10</v>
      </c>
      <c r="C9" s="16" t="s">
        <v>14</v>
      </c>
      <c r="D9" s="21" t="s">
        <v>108</v>
      </c>
      <c r="E9" s="17" t="s">
        <v>111</v>
      </c>
      <c r="F9" s="15">
        <v>60</v>
      </c>
      <c r="G9" s="29">
        <v>6900015</v>
      </c>
      <c r="H9" s="15" t="s">
        <v>66</v>
      </c>
      <c r="I9" s="17" t="s">
        <v>67</v>
      </c>
      <c r="J9" s="15"/>
    </row>
    <row r="10" spans="1:78" ht="18" customHeight="1" x14ac:dyDescent="0.15">
      <c r="A10" s="15">
        <v>9</v>
      </c>
      <c r="B10" s="15" t="s">
        <v>10</v>
      </c>
      <c r="C10" s="16" t="s">
        <v>14</v>
      </c>
      <c r="D10" s="21" t="s">
        <v>108</v>
      </c>
      <c r="E10" s="17" t="s">
        <v>112</v>
      </c>
      <c r="F10" s="15">
        <v>120</v>
      </c>
      <c r="G10" s="29">
        <v>6900012</v>
      </c>
      <c r="H10" s="15" t="s">
        <v>12</v>
      </c>
      <c r="I10" s="15" t="s">
        <v>13</v>
      </c>
      <c r="J10" s="15"/>
    </row>
    <row r="11" spans="1:78" ht="18" customHeight="1" x14ac:dyDescent="0.15">
      <c r="A11" s="15">
        <v>10</v>
      </c>
      <c r="B11" s="15" t="s">
        <v>10</v>
      </c>
      <c r="C11" s="28" t="s">
        <v>14</v>
      </c>
      <c r="D11" s="30" t="s">
        <v>108</v>
      </c>
      <c r="E11" s="31" t="s">
        <v>113</v>
      </c>
      <c r="F11" s="32">
        <v>90</v>
      </c>
      <c r="G11" s="33">
        <v>6900046</v>
      </c>
      <c r="H11" s="32" t="s">
        <v>58</v>
      </c>
      <c r="I11" s="32" t="s">
        <v>59</v>
      </c>
      <c r="J11" s="15"/>
    </row>
    <row r="12" spans="1:78" s="14" customFormat="1" ht="18" customHeight="1" x14ac:dyDescent="0.15">
      <c r="A12" s="15">
        <v>11</v>
      </c>
      <c r="B12" s="34" t="s">
        <v>10</v>
      </c>
      <c r="C12" s="21" t="s">
        <v>14</v>
      </c>
      <c r="D12" s="21" t="s">
        <v>108</v>
      </c>
      <c r="E12" s="22" t="s">
        <v>143</v>
      </c>
      <c r="F12" s="20">
        <v>90</v>
      </c>
      <c r="G12" s="35">
        <v>6900031</v>
      </c>
      <c r="H12" s="20" t="s">
        <v>153</v>
      </c>
      <c r="I12" s="20" t="s">
        <v>201</v>
      </c>
      <c r="J12" s="65"/>
      <c r="K12" s="13"/>
      <c r="L12" s="13"/>
      <c r="M12" s="13"/>
      <c r="N12" s="13"/>
      <c r="O12" s="13"/>
      <c r="P12" s="13"/>
      <c r="Q12" s="13"/>
      <c r="R12" s="13"/>
      <c r="S12" s="13"/>
      <c r="T12" s="13"/>
      <c r="U12" s="13"/>
      <c r="V12" s="13"/>
      <c r="W12" s="13"/>
      <c r="X12" s="13"/>
      <c r="Y12" s="13"/>
      <c r="Z12" s="13"/>
      <c r="AA12" s="13"/>
      <c r="AB12" s="13"/>
      <c r="AC12" s="13"/>
      <c r="AD12" s="13"/>
      <c r="AE12" s="13"/>
      <c r="AF12" s="13"/>
      <c r="AG12" s="13"/>
      <c r="AH12" s="13"/>
      <c r="AI12" s="13"/>
      <c r="AJ12" s="13"/>
      <c r="AK12" s="13"/>
      <c r="AL12" s="13"/>
      <c r="AM12" s="13"/>
      <c r="AN12" s="13"/>
      <c r="AO12" s="13"/>
      <c r="AP12" s="13"/>
      <c r="AQ12" s="13"/>
      <c r="AR12" s="13"/>
      <c r="AS12" s="13"/>
      <c r="AT12" s="13"/>
      <c r="AU12" s="13"/>
      <c r="AV12" s="13"/>
      <c r="AW12" s="13"/>
      <c r="AX12" s="13"/>
      <c r="AY12" s="13"/>
      <c r="AZ12" s="13"/>
      <c r="BA12" s="13"/>
      <c r="BB12" s="13"/>
      <c r="BC12" s="13"/>
      <c r="BD12" s="13"/>
      <c r="BE12" s="13"/>
      <c r="BF12" s="13"/>
      <c r="BG12" s="13"/>
      <c r="BH12" s="13"/>
      <c r="BI12" s="13"/>
      <c r="BJ12" s="13"/>
      <c r="BK12" s="13"/>
      <c r="BL12" s="13"/>
      <c r="BM12" s="13"/>
      <c r="BN12" s="13"/>
      <c r="BO12" s="13"/>
      <c r="BP12" s="13"/>
      <c r="BQ12" s="13"/>
      <c r="BR12" s="13"/>
      <c r="BS12" s="13"/>
      <c r="BT12" s="13"/>
      <c r="BU12" s="13"/>
      <c r="BV12" s="13"/>
      <c r="BW12" s="13"/>
      <c r="BX12" s="13"/>
      <c r="BY12" s="13"/>
      <c r="BZ12" s="13"/>
    </row>
    <row r="13" spans="1:78" s="14" customFormat="1" ht="18" customHeight="1" x14ac:dyDescent="0.15">
      <c r="A13" s="15">
        <v>12</v>
      </c>
      <c r="B13" s="15" t="s">
        <v>10</v>
      </c>
      <c r="C13" s="25" t="s">
        <v>14</v>
      </c>
      <c r="D13" s="36" t="s">
        <v>108</v>
      </c>
      <c r="E13" s="38" t="s">
        <v>151</v>
      </c>
      <c r="F13" s="20">
        <v>70</v>
      </c>
      <c r="G13" s="47">
        <v>6900822</v>
      </c>
      <c r="H13" s="40" t="s">
        <v>130</v>
      </c>
      <c r="I13" s="74" t="s">
        <v>131</v>
      </c>
      <c r="J13" s="20"/>
      <c r="K13" s="13"/>
      <c r="L13" s="13"/>
      <c r="M13" s="13"/>
      <c r="N13" s="13"/>
      <c r="O13" s="13"/>
      <c r="P13" s="13"/>
      <c r="Q13" s="13"/>
      <c r="R13" s="13"/>
      <c r="S13" s="13"/>
      <c r="T13" s="13"/>
      <c r="U13" s="13"/>
      <c r="V13" s="13"/>
      <c r="W13" s="13"/>
      <c r="X13" s="13"/>
      <c r="Y13" s="13"/>
      <c r="Z13" s="13"/>
      <c r="AA13" s="13"/>
      <c r="AB13" s="13"/>
      <c r="AC13" s="13"/>
      <c r="AD13" s="13"/>
      <c r="AE13" s="13"/>
      <c r="AF13" s="13"/>
      <c r="AG13" s="13"/>
      <c r="AH13" s="13"/>
      <c r="AI13" s="13"/>
      <c r="AJ13" s="13"/>
      <c r="AK13" s="13"/>
      <c r="AL13" s="13"/>
      <c r="AM13" s="13"/>
      <c r="AN13" s="13"/>
      <c r="AO13" s="13"/>
      <c r="AP13" s="13"/>
      <c r="AQ13" s="13"/>
      <c r="AR13" s="13"/>
      <c r="AS13" s="13"/>
      <c r="AT13" s="13"/>
      <c r="AU13" s="13"/>
      <c r="AV13" s="13"/>
      <c r="AW13" s="13"/>
      <c r="AX13" s="13"/>
      <c r="AY13" s="13"/>
      <c r="AZ13" s="13"/>
      <c r="BA13" s="13"/>
      <c r="BB13" s="13"/>
      <c r="BC13" s="13"/>
      <c r="BD13" s="13"/>
      <c r="BE13" s="13"/>
      <c r="BF13" s="13"/>
      <c r="BG13" s="13"/>
      <c r="BH13" s="13"/>
      <c r="BI13" s="13"/>
      <c r="BJ13" s="13"/>
      <c r="BK13" s="13"/>
      <c r="BL13" s="13"/>
      <c r="BM13" s="13"/>
      <c r="BN13" s="13"/>
      <c r="BO13" s="13"/>
      <c r="BP13" s="13"/>
      <c r="BQ13" s="13"/>
      <c r="BR13" s="13"/>
      <c r="BS13" s="13"/>
      <c r="BT13" s="13"/>
      <c r="BU13" s="13"/>
      <c r="BV13" s="13"/>
      <c r="BW13" s="13"/>
      <c r="BX13" s="13"/>
      <c r="BY13" s="13"/>
      <c r="BZ13" s="13"/>
    </row>
    <row r="14" spans="1:78" s="12" customFormat="1" ht="18" customHeight="1" x14ac:dyDescent="0.15">
      <c r="A14" s="15">
        <v>13</v>
      </c>
      <c r="B14" s="15" t="s">
        <v>10</v>
      </c>
      <c r="C14" s="16" t="s">
        <v>14</v>
      </c>
      <c r="D14" s="16" t="s">
        <v>169</v>
      </c>
      <c r="E14" s="58" t="s">
        <v>184</v>
      </c>
      <c r="F14" s="20">
        <v>140</v>
      </c>
      <c r="G14" s="35">
        <v>6900202</v>
      </c>
      <c r="H14" s="20" t="s">
        <v>90</v>
      </c>
      <c r="I14" s="60" t="s">
        <v>65</v>
      </c>
      <c r="J14" s="15"/>
      <c r="K14" s="11"/>
      <c r="L14" s="11"/>
      <c r="M14" s="11"/>
      <c r="N14" s="11"/>
      <c r="O14" s="11"/>
      <c r="P14" s="11"/>
      <c r="Q14" s="11"/>
      <c r="R14" s="11"/>
      <c r="S14" s="11"/>
      <c r="T14" s="11"/>
      <c r="U14" s="11"/>
      <c r="V14" s="11"/>
      <c r="W14" s="11"/>
      <c r="X14" s="11"/>
      <c r="Y14" s="11"/>
      <c r="Z14" s="11"/>
      <c r="AA14" s="11"/>
      <c r="AB14" s="11"/>
      <c r="AC14" s="11"/>
      <c r="AD14" s="11"/>
      <c r="AE14" s="11"/>
      <c r="AF14" s="11"/>
      <c r="AG14" s="11"/>
      <c r="AH14" s="11"/>
      <c r="AI14" s="11"/>
      <c r="AJ14" s="11"/>
      <c r="AK14" s="11"/>
      <c r="AL14" s="11"/>
      <c r="AM14" s="11"/>
      <c r="AN14" s="11"/>
      <c r="AO14" s="11"/>
      <c r="AP14" s="11"/>
      <c r="AQ14" s="11"/>
      <c r="AR14" s="11"/>
      <c r="AS14" s="11"/>
      <c r="AT14" s="11"/>
      <c r="AU14" s="11"/>
      <c r="AV14" s="11"/>
      <c r="AW14" s="11"/>
      <c r="AX14" s="11"/>
      <c r="AY14" s="11"/>
      <c r="AZ14" s="11"/>
      <c r="BA14" s="11"/>
      <c r="BB14" s="11"/>
      <c r="BC14" s="11"/>
      <c r="BD14" s="11"/>
      <c r="BE14" s="11"/>
      <c r="BF14" s="11"/>
      <c r="BG14" s="11"/>
      <c r="BH14" s="11"/>
      <c r="BI14" s="11"/>
      <c r="BJ14" s="11"/>
      <c r="BK14" s="11"/>
      <c r="BL14" s="11"/>
      <c r="BM14" s="11"/>
      <c r="BN14" s="11"/>
      <c r="BO14" s="11"/>
      <c r="BP14" s="11"/>
      <c r="BQ14" s="11"/>
      <c r="BR14" s="11"/>
      <c r="BS14" s="11"/>
      <c r="BT14" s="11"/>
      <c r="BU14" s="11"/>
      <c r="BV14" s="11"/>
      <c r="BW14" s="11"/>
      <c r="BX14" s="11"/>
      <c r="BY14" s="11"/>
      <c r="BZ14" s="11"/>
    </row>
    <row r="15" spans="1:78" s="12" customFormat="1" ht="18" customHeight="1" x14ac:dyDescent="0.15">
      <c r="A15" s="15">
        <v>14</v>
      </c>
      <c r="B15" s="15" t="s">
        <v>10</v>
      </c>
      <c r="C15" s="16" t="s">
        <v>14</v>
      </c>
      <c r="D15" s="16" t="s">
        <v>169</v>
      </c>
      <c r="E15" s="58" t="s">
        <v>172</v>
      </c>
      <c r="F15" s="20">
        <v>190</v>
      </c>
      <c r="G15" s="35">
        <v>6900823</v>
      </c>
      <c r="H15" s="20" t="s">
        <v>148</v>
      </c>
      <c r="I15" s="60" t="s">
        <v>149</v>
      </c>
      <c r="J15" s="15"/>
      <c r="K15" s="11"/>
      <c r="L15" s="11"/>
      <c r="M15" s="11"/>
      <c r="N15" s="11"/>
      <c r="O15" s="11"/>
      <c r="P15" s="11"/>
      <c r="Q15" s="11"/>
      <c r="R15" s="11"/>
      <c r="S15" s="11"/>
      <c r="T15" s="11"/>
      <c r="U15" s="11"/>
      <c r="V15" s="11"/>
      <c r="W15" s="11"/>
      <c r="X15" s="11"/>
      <c r="Y15" s="11"/>
      <c r="Z15" s="11"/>
      <c r="AA15" s="11"/>
      <c r="AB15" s="11"/>
      <c r="AC15" s="11"/>
      <c r="AD15" s="11"/>
      <c r="AE15" s="11"/>
      <c r="AF15" s="11"/>
      <c r="AG15" s="11"/>
      <c r="AH15" s="11"/>
      <c r="AI15" s="11"/>
      <c r="AJ15" s="11"/>
      <c r="AK15" s="11"/>
      <c r="AL15" s="11"/>
      <c r="AM15" s="11"/>
      <c r="AN15" s="11"/>
      <c r="AO15" s="11"/>
      <c r="AP15" s="11"/>
      <c r="AQ15" s="11"/>
      <c r="AR15" s="11"/>
      <c r="AS15" s="11"/>
      <c r="AT15" s="11"/>
      <c r="AU15" s="11"/>
      <c r="AV15" s="11"/>
      <c r="AW15" s="11"/>
      <c r="AX15" s="11"/>
      <c r="AY15" s="11"/>
      <c r="AZ15" s="11"/>
      <c r="BA15" s="11"/>
      <c r="BB15" s="11"/>
      <c r="BC15" s="11"/>
      <c r="BD15" s="11"/>
      <c r="BE15" s="11"/>
      <c r="BF15" s="11"/>
      <c r="BG15" s="11"/>
      <c r="BH15" s="11"/>
      <c r="BI15" s="11"/>
      <c r="BJ15" s="11"/>
      <c r="BK15" s="11"/>
      <c r="BL15" s="11"/>
      <c r="BM15" s="11"/>
      <c r="BN15" s="11"/>
      <c r="BO15" s="11"/>
      <c r="BP15" s="11"/>
      <c r="BQ15" s="11"/>
      <c r="BR15" s="11"/>
      <c r="BS15" s="11"/>
      <c r="BT15" s="11"/>
      <c r="BU15" s="11"/>
      <c r="BV15" s="11"/>
      <c r="BW15" s="11"/>
      <c r="BX15" s="11"/>
      <c r="BY15" s="11"/>
      <c r="BZ15" s="11"/>
    </row>
    <row r="16" spans="1:78" ht="18" customHeight="1" x14ac:dyDescent="0.15">
      <c r="A16" s="15">
        <v>15</v>
      </c>
      <c r="B16" s="15" t="s">
        <v>10</v>
      </c>
      <c r="C16" s="16" t="s">
        <v>14</v>
      </c>
      <c r="D16" s="21" t="s">
        <v>129</v>
      </c>
      <c r="E16" s="39" t="s">
        <v>200</v>
      </c>
      <c r="F16" s="20">
        <v>30</v>
      </c>
      <c r="G16" s="47">
        <v>6900033</v>
      </c>
      <c r="H16" s="48" t="s">
        <v>154</v>
      </c>
      <c r="I16" s="22" t="s">
        <v>155</v>
      </c>
      <c r="J16" s="44"/>
    </row>
    <row r="17" spans="1:78" ht="18" customHeight="1" x14ac:dyDescent="0.15">
      <c r="A17" s="15">
        <v>16</v>
      </c>
      <c r="B17" s="15" t="s">
        <v>41</v>
      </c>
      <c r="C17" s="16" t="s">
        <v>14</v>
      </c>
      <c r="D17" s="16" t="s">
        <v>203</v>
      </c>
      <c r="E17" s="17" t="s">
        <v>199</v>
      </c>
      <c r="F17" s="15">
        <v>160</v>
      </c>
      <c r="G17" s="18">
        <v>6970052</v>
      </c>
      <c r="H17" s="15" t="s">
        <v>173</v>
      </c>
      <c r="I17" s="15" t="s">
        <v>174</v>
      </c>
      <c r="J17" s="15"/>
    </row>
    <row r="18" spans="1:78" ht="18" customHeight="1" x14ac:dyDescent="0.15">
      <c r="A18" s="15">
        <v>17</v>
      </c>
      <c r="B18" s="15" t="s">
        <v>41</v>
      </c>
      <c r="C18" s="16" t="s">
        <v>14</v>
      </c>
      <c r="D18" s="16" t="s">
        <v>203</v>
      </c>
      <c r="E18" s="17" t="s">
        <v>175</v>
      </c>
      <c r="F18" s="15">
        <v>130</v>
      </c>
      <c r="G18" s="18">
        <v>6970003</v>
      </c>
      <c r="H18" s="18" t="s">
        <v>176</v>
      </c>
      <c r="I18" s="18" t="s">
        <v>177</v>
      </c>
      <c r="J18" s="15"/>
    </row>
    <row r="19" spans="1:78" ht="18" customHeight="1" x14ac:dyDescent="0.15">
      <c r="A19" s="15">
        <v>18</v>
      </c>
      <c r="B19" s="24" t="s">
        <v>41</v>
      </c>
      <c r="C19" s="25" t="s">
        <v>14</v>
      </c>
      <c r="D19" s="16" t="s">
        <v>203</v>
      </c>
      <c r="E19" s="19" t="s">
        <v>91</v>
      </c>
      <c r="F19" s="24">
        <v>130</v>
      </c>
      <c r="G19" s="26">
        <v>6971322</v>
      </c>
      <c r="H19" s="24" t="s">
        <v>42</v>
      </c>
      <c r="I19" s="24" t="s">
        <v>43</v>
      </c>
      <c r="J19" s="27"/>
    </row>
    <row r="20" spans="1:78" ht="18" customHeight="1" x14ac:dyDescent="0.15">
      <c r="A20" s="15">
        <v>19</v>
      </c>
      <c r="B20" s="15" t="s">
        <v>41</v>
      </c>
      <c r="C20" s="16" t="s">
        <v>14</v>
      </c>
      <c r="D20" s="16" t="s">
        <v>203</v>
      </c>
      <c r="E20" s="17" t="s">
        <v>92</v>
      </c>
      <c r="F20" s="15">
        <v>100</v>
      </c>
      <c r="G20" s="18">
        <v>6970426</v>
      </c>
      <c r="H20" s="15" t="s">
        <v>86</v>
      </c>
      <c r="I20" s="15" t="s">
        <v>87</v>
      </c>
      <c r="J20" s="17"/>
    </row>
    <row r="21" spans="1:78" ht="18" customHeight="1" x14ac:dyDescent="0.15">
      <c r="A21" s="15">
        <v>20</v>
      </c>
      <c r="B21" s="15" t="s">
        <v>55</v>
      </c>
      <c r="C21" s="16" t="s">
        <v>14</v>
      </c>
      <c r="D21" s="21" t="s">
        <v>108</v>
      </c>
      <c r="E21" s="59" t="s">
        <v>178</v>
      </c>
      <c r="F21" s="20">
        <v>60</v>
      </c>
      <c r="G21" s="47">
        <v>6990624</v>
      </c>
      <c r="H21" s="40" t="s">
        <v>179</v>
      </c>
      <c r="I21" s="60" t="s">
        <v>180</v>
      </c>
      <c r="J21" s="23"/>
    </row>
    <row r="22" spans="1:78" ht="18" customHeight="1" x14ac:dyDescent="0.15">
      <c r="A22" s="15">
        <v>21</v>
      </c>
      <c r="B22" s="15" t="s">
        <v>55</v>
      </c>
      <c r="C22" s="16" t="s">
        <v>14</v>
      </c>
      <c r="D22" s="21" t="s">
        <v>108</v>
      </c>
      <c r="E22" s="48" t="s">
        <v>114</v>
      </c>
      <c r="F22" s="20">
        <v>65</v>
      </c>
      <c r="G22" s="47">
        <v>6910003</v>
      </c>
      <c r="H22" s="40" t="s">
        <v>115</v>
      </c>
      <c r="I22" s="60" t="s">
        <v>116</v>
      </c>
      <c r="J22" s="23"/>
    </row>
    <row r="23" spans="1:78" ht="18" customHeight="1" x14ac:dyDescent="0.15">
      <c r="A23" s="15">
        <v>22</v>
      </c>
      <c r="B23" s="15" t="s">
        <v>55</v>
      </c>
      <c r="C23" s="16" t="s">
        <v>14</v>
      </c>
      <c r="D23" s="21" t="s">
        <v>108</v>
      </c>
      <c r="E23" s="48" t="s">
        <v>117</v>
      </c>
      <c r="F23" s="20">
        <v>100</v>
      </c>
      <c r="G23" s="47">
        <v>6990903</v>
      </c>
      <c r="H23" s="40" t="s">
        <v>162</v>
      </c>
      <c r="I23" s="60" t="s">
        <v>118</v>
      </c>
      <c r="J23" s="23"/>
    </row>
    <row r="24" spans="1:78" ht="18" customHeight="1" x14ac:dyDescent="0.15">
      <c r="A24" s="15">
        <v>23</v>
      </c>
      <c r="B24" s="15" t="s">
        <v>44</v>
      </c>
      <c r="C24" s="16" t="s">
        <v>14</v>
      </c>
      <c r="D24" s="16" t="s">
        <v>204</v>
      </c>
      <c r="E24" s="17" t="s">
        <v>170</v>
      </c>
      <c r="F24" s="15">
        <v>90</v>
      </c>
      <c r="G24" s="18">
        <v>6980032</v>
      </c>
      <c r="H24" s="15" t="s">
        <v>45</v>
      </c>
      <c r="I24" s="15" t="s">
        <v>46</v>
      </c>
      <c r="J24" s="15"/>
    </row>
    <row r="25" spans="1:78" ht="18" customHeight="1" x14ac:dyDescent="0.15">
      <c r="A25" s="15">
        <v>24</v>
      </c>
      <c r="B25" s="15" t="s">
        <v>44</v>
      </c>
      <c r="C25" s="16" t="s">
        <v>14</v>
      </c>
      <c r="D25" s="16" t="s">
        <v>204</v>
      </c>
      <c r="E25" s="17" t="s">
        <v>188</v>
      </c>
      <c r="F25" s="15">
        <v>140</v>
      </c>
      <c r="G25" s="18">
        <v>6980017</v>
      </c>
      <c r="H25" s="15" t="s">
        <v>47</v>
      </c>
      <c r="I25" s="15" t="s">
        <v>48</v>
      </c>
      <c r="J25" s="15"/>
    </row>
    <row r="26" spans="1:78" ht="18" customHeight="1" x14ac:dyDescent="0.15">
      <c r="A26" s="15">
        <v>25</v>
      </c>
      <c r="B26" s="15" t="s">
        <v>44</v>
      </c>
      <c r="C26" s="16" t="s">
        <v>14</v>
      </c>
      <c r="D26" s="16" t="s">
        <v>204</v>
      </c>
      <c r="E26" s="17" t="s">
        <v>189</v>
      </c>
      <c r="F26" s="15">
        <v>48</v>
      </c>
      <c r="G26" s="18">
        <v>6995133</v>
      </c>
      <c r="H26" s="15" t="s">
        <v>181</v>
      </c>
      <c r="I26" s="15" t="s">
        <v>49</v>
      </c>
      <c r="J26" s="15"/>
    </row>
    <row r="27" spans="1:78" ht="18" customHeight="1" x14ac:dyDescent="0.15">
      <c r="A27" s="15">
        <v>26</v>
      </c>
      <c r="B27" s="15" t="s">
        <v>44</v>
      </c>
      <c r="C27" s="16" t="s">
        <v>14</v>
      </c>
      <c r="D27" s="16" t="s">
        <v>204</v>
      </c>
      <c r="E27" s="17" t="s">
        <v>165</v>
      </c>
      <c r="F27" s="15">
        <v>140</v>
      </c>
      <c r="G27" s="18">
        <v>6980001</v>
      </c>
      <c r="H27" s="15" t="s">
        <v>68</v>
      </c>
      <c r="I27" s="15" t="s">
        <v>50</v>
      </c>
      <c r="J27" s="15"/>
    </row>
    <row r="28" spans="1:78" ht="18" customHeight="1" x14ac:dyDescent="0.15">
      <c r="A28" s="15">
        <v>27</v>
      </c>
      <c r="B28" s="32" t="s">
        <v>44</v>
      </c>
      <c r="C28" s="28" t="s">
        <v>14</v>
      </c>
      <c r="D28" s="16" t="s">
        <v>204</v>
      </c>
      <c r="E28" s="31" t="s">
        <v>187</v>
      </c>
      <c r="F28" s="32">
        <v>60</v>
      </c>
      <c r="G28" s="72">
        <v>6980036</v>
      </c>
      <c r="H28" s="32" t="s">
        <v>53</v>
      </c>
      <c r="I28" s="32" t="s">
        <v>54</v>
      </c>
      <c r="J28" s="32"/>
    </row>
    <row r="29" spans="1:78" ht="18" customHeight="1" x14ac:dyDescent="0.15">
      <c r="A29" s="15">
        <v>28</v>
      </c>
      <c r="B29" s="20" t="s">
        <v>44</v>
      </c>
      <c r="C29" s="21" t="s">
        <v>14</v>
      </c>
      <c r="D29" s="21" t="s">
        <v>140</v>
      </c>
      <c r="E29" s="40" t="s">
        <v>186</v>
      </c>
      <c r="F29" s="20">
        <v>59</v>
      </c>
      <c r="G29" s="47">
        <v>6980043</v>
      </c>
      <c r="H29" s="40" t="s">
        <v>141</v>
      </c>
      <c r="I29" s="22" t="s">
        <v>142</v>
      </c>
      <c r="J29" s="44"/>
      <c r="BY29" s="5"/>
      <c r="BZ29" s="5"/>
    </row>
    <row r="30" spans="1:78" ht="18" customHeight="1" x14ac:dyDescent="0.15">
      <c r="A30" s="15">
        <v>29</v>
      </c>
      <c r="B30" s="20" t="s">
        <v>0</v>
      </c>
      <c r="C30" s="21" t="s">
        <v>14</v>
      </c>
      <c r="D30" s="21" t="s">
        <v>205</v>
      </c>
      <c r="E30" s="22" t="s">
        <v>1</v>
      </c>
      <c r="F30" s="20">
        <v>130</v>
      </c>
      <c r="G30" s="73">
        <v>6940063</v>
      </c>
      <c r="H30" s="20" t="s">
        <v>83</v>
      </c>
      <c r="I30" s="20" t="s">
        <v>84</v>
      </c>
      <c r="J30" s="20"/>
    </row>
    <row r="31" spans="1:78" ht="18" customHeight="1" x14ac:dyDescent="0.15">
      <c r="A31" s="15">
        <v>30</v>
      </c>
      <c r="B31" s="24" t="s">
        <v>26</v>
      </c>
      <c r="C31" s="25" t="s">
        <v>11</v>
      </c>
      <c r="D31" s="21" t="s">
        <v>205</v>
      </c>
      <c r="E31" s="19" t="s">
        <v>93</v>
      </c>
      <c r="F31" s="24">
        <v>60</v>
      </c>
      <c r="G31" s="26">
        <v>6920066</v>
      </c>
      <c r="H31" s="24" t="s">
        <v>27</v>
      </c>
      <c r="I31" s="24" t="s">
        <v>28</v>
      </c>
      <c r="J31" s="24"/>
    </row>
    <row r="32" spans="1:78" ht="18" customHeight="1" x14ac:dyDescent="0.15">
      <c r="A32" s="15">
        <v>31</v>
      </c>
      <c r="B32" s="15" t="s">
        <v>26</v>
      </c>
      <c r="C32" s="16" t="s">
        <v>11</v>
      </c>
      <c r="D32" s="21" t="s">
        <v>205</v>
      </c>
      <c r="E32" s="17" t="s">
        <v>94</v>
      </c>
      <c r="F32" s="15">
        <v>60</v>
      </c>
      <c r="G32" s="18">
        <v>6920042</v>
      </c>
      <c r="H32" s="15" t="s">
        <v>29</v>
      </c>
      <c r="I32" s="15" t="s">
        <v>30</v>
      </c>
      <c r="J32" s="15"/>
    </row>
    <row r="33" spans="1:78" ht="18" customHeight="1" x14ac:dyDescent="0.15">
      <c r="A33" s="15">
        <v>32</v>
      </c>
      <c r="B33" s="15" t="s">
        <v>26</v>
      </c>
      <c r="C33" s="16" t="s">
        <v>11</v>
      </c>
      <c r="D33" s="21" t="s">
        <v>205</v>
      </c>
      <c r="E33" s="17" t="s">
        <v>95</v>
      </c>
      <c r="F33" s="15">
        <v>30</v>
      </c>
      <c r="G33" s="18">
        <v>6920623</v>
      </c>
      <c r="H33" s="15" t="s">
        <v>69</v>
      </c>
      <c r="I33" s="15" t="s">
        <v>32</v>
      </c>
      <c r="J33" s="15"/>
    </row>
    <row r="34" spans="1:78" ht="18" customHeight="1" x14ac:dyDescent="0.15">
      <c r="A34" s="15">
        <v>33</v>
      </c>
      <c r="B34" s="15" t="s">
        <v>26</v>
      </c>
      <c r="C34" s="16" t="s">
        <v>11</v>
      </c>
      <c r="D34" s="21" t="s">
        <v>205</v>
      </c>
      <c r="E34" s="17" t="s">
        <v>96</v>
      </c>
      <c r="F34" s="15">
        <v>75</v>
      </c>
      <c r="G34" s="18">
        <v>6920404</v>
      </c>
      <c r="H34" s="15" t="s">
        <v>70</v>
      </c>
      <c r="I34" s="15" t="s">
        <v>33</v>
      </c>
      <c r="J34" s="15"/>
    </row>
    <row r="35" spans="1:78" ht="18" customHeight="1" x14ac:dyDescent="0.15">
      <c r="A35" s="15">
        <v>34</v>
      </c>
      <c r="B35" s="15" t="s">
        <v>26</v>
      </c>
      <c r="C35" s="16" t="s">
        <v>11</v>
      </c>
      <c r="D35" s="21" t="s">
        <v>205</v>
      </c>
      <c r="E35" s="17" t="s">
        <v>97</v>
      </c>
      <c r="F35" s="15">
        <v>45</v>
      </c>
      <c r="G35" s="18">
        <v>6920731</v>
      </c>
      <c r="H35" s="15" t="s">
        <v>71</v>
      </c>
      <c r="I35" s="15" t="s">
        <v>34</v>
      </c>
      <c r="J35" s="15"/>
    </row>
    <row r="36" spans="1:78" ht="18" customHeight="1" x14ac:dyDescent="0.15">
      <c r="A36" s="15">
        <v>35</v>
      </c>
      <c r="B36" s="15" t="s">
        <v>26</v>
      </c>
      <c r="C36" s="16" t="s">
        <v>11</v>
      </c>
      <c r="D36" s="21" t="s">
        <v>205</v>
      </c>
      <c r="E36" s="17" t="s">
        <v>98</v>
      </c>
      <c r="F36" s="15">
        <v>60</v>
      </c>
      <c r="G36" s="18">
        <v>6920212</v>
      </c>
      <c r="H36" s="15" t="s">
        <v>72</v>
      </c>
      <c r="I36" s="15" t="s">
        <v>35</v>
      </c>
      <c r="J36" s="15"/>
    </row>
    <row r="37" spans="1:78" ht="18" customHeight="1" x14ac:dyDescent="0.15">
      <c r="A37" s="15">
        <v>36</v>
      </c>
      <c r="B37" s="15" t="s">
        <v>26</v>
      </c>
      <c r="C37" s="16" t="s">
        <v>11</v>
      </c>
      <c r="D37" s="21" t="s">
        <v>205</v>
      </c>
      <c r="E37" s="17" t="s">
        <v>99</v>
      </c>
      <c r="F37" s="15">
        <v>80</v>
      </c>
      <c r="G37" s="18">
        <v>6920205</v>
      </c>
      <c r="H37" s="15" t="s">
        <v>73</v>
      </c>
      <c r="I37" s="15" t="s">
        <v>36</v>
      </c>
      <c r="J37" s="15"/>
    </row>
    <row r="38" spans="1:78" ht="18" customHeight="1" x14ac:dyDescent="0.15">
      <c r="A38" s="15">
        <v>37</v>
      </c>
      <c r="B38" s="15" t="s">
        <v>26</v>
      </c>
      <c r="C38" s="16" t="s">
        <v>11</v>
      </c>
      <c r="D38" s="21" t="s">
        <v>205</v>
      </c>
      <c r="E38" s="17" t="s">
        <v>100</v>
      </c>
      <c r="F38" s="15">
        <v>30</v>
      </c>
      <c r="G38" s="18">
        <v>6920213</v>
      </c>
      <c r="H38" s="15" t="s">
        <v>74</v>
      </c>
      <c r="I38" s="15" t="s">
        <v>37</v>
      </c>
      <c r="J38" s="15"/>
    </row>
    <row r="39" spans="1:78" ht="18" customHeight="1" x14ac:dyDescent="0.15">
      <c r="A39" s="15">
        <v>38</v>
      </c>
      <c r="B39" s="15" t="s">
        <v>26</v>
      </c>
      <c r="C39" s="16" t="s">
        <v>11</v>
      </c>
      <c r="D39" s="21" t="s">
        <v>205</v>
      </c>
      <c r="E39" s="17" t="s">
        <v>101</v>
      </c>
      <c r="F39" s="15">
        <v>25</v>
      </c>
      <c r="G39" s="18">
        <v>6920321</v>
      </c>
      <c r="H39" s="15" t="s">
        <v>75</v>
      </c>
      <c r="I39" s="15" t="s">
        <v>38</v>
      </c>
      <c r="J39" s="15"/>
    </row>
    <row r="40" spans="1:78" ht="18" customHeight="1" x14ac:dyDescent="0.15">
      <c r="A40" s="15">
        <v>39</v>
      </c>
      <c r="B40" s="15" t="s">
        <v>26</v>
      </c>
      <c r="C40" s="16" t="s">
        <v>11</v>
      </c>
      <c r="D40" s="25" t="s">
        <v>108</v>
      </c>
      <c r="E40" s="58" t="s">
        <v>119</v>
      </c>
      <c r="F40" s="20">
        <v>80</v>
      </c>
      <c r="G40" s="47">
        <v>6920007</v>
      </c>
      <c r="H40" s="22" t="s">
        <v>120</v>
      </c>
      <c r="I40" s="61" t="s">
        <v>121</v>
      </c>
      <c r="J40" s="23"/>
    </row>
    <row r="41" spans="1:78" ht="18" customHeight="1" x14ac:dyDescent="0.15">
      <c r="A41" s="15">
        <v>40</v>
      </c>
      <c r="B41" s="15" t="s">
        <v>26</v>
      </c>
      <c r="C41" s="16" t="s">
        <v>14</v>
      </c>
      <c r="D41" s="25" t="s">
        <v>108</v>
      </c>
      <c r="E41" s="58" t="s">
        <v>122</v>
      </c>
      <c r="F41" s="22">
        <v>80</v>
      </c>
      <c r="G41" s="35">
        <v>6920001</v>
      </c>
      <c r="H41" s="20" t="s">
        <v>123</v>
      </c>
      <c r="I41" s="60" t="s">
        <v>31</v>
      </c>
      <c r="J41" s="23"/>
    </row>
    <row r="42" spans="1:78" ht="18" customHeight="1" x14ac:dyDescent="0.15">
      <c r="A42" s="15">
        <v>41</v>
      </c>
      <c r="B42" s="15" t="s">
        <v>26</v>
      </c>
      <c r="C42" s="16" t="s">
        <v>14</v>
      </c>
      <c r="D42" s="25" t="s">
        <v>108</v>
      </c>
      <c r="E42" s="58" t="s">
        <v>124</v>
      </c>
      <c r="F42" s="51">
        <v>130</v>
      </c>
      <c r="G42" s="62">
        <v>6920017</v>
      </c>
      <c r="H42" s="51" t="s">
        <v>39</v>
      </c>
      <c r="I42" s="63" t="s">
        <v>40</v>
      </c>
      <c r="J42" s="15"/>
    </row>
    <row r="43" spans="1:78" s="14" customFormat="1" ht="18" customHeight="1" x14ac:dyDescent="0.15">
      <c r="A43" s="15">
        <v>42</v>
      </c>
      <c r="B43" s="15" t="s">
        <v>145</v>
      </c>
      <c r="C43" s="16" t="s">
        <v>11</v>
      </c>
      <c r="D43" s="21" t="s">
        <v>129</v>
      </c>
      <c r="E43" s="49" t="s">
        <v>158</v>
      </c>
      <c r="F43" s="20">
        <v>10</v>
      </c>
      <c r="G43" s="47">
        <v>6920055</v>
      </c>
      <c r="H43" s="48" t="s">
        <v>159</v>
      </c>
      <c r="I43" s="22" t="s">
        <v>183</v>
      </c>
      <c r="J43" s="20"/>
      <c r="K43" s="13"/>
      <c r="L43" s="13"/>
      <c r="M43" s="13"/>
      <c r="N43" s="13"/>
      <c r="O43" s="13"/>
      <c r="P43" s="13"/>
      <c r="Q43" s="13"/>
      <c r="R43" s="13"/>
      <c r="S43" s="13"/>
      <c r="T43" s="13"/>
      <c r="U43" s="13"/>
      <c r="V43" s="13"/>
      <c r="W43" s="13"/>
      <c r="X43" s="13"/>
      <c r="Y43" s="13"/>
      <c r="Z43" s="13"/>
      <c r="AA43" s="13"/>
      <c r="AB43" s="13"/>
      <c r="AC43" s="13"/>
      <c r="AD43" s="13"/>
      <c r="AE43" s="13"/>
      <c r="AF43" s="13"/>
      <c r="AG43" s="13"/>
      <c r="AH43" s="13"/>
      <c r="AI43" s="13"/>
      <c r="AJ43" s="13"/>
      <c r="AK43" s="13"/>
      <c r="AL43" s="13"/>
      <c r="AM43" s="13"/>
      <c r="AN43" s="13"/>
      <c r="AO43" s="13"/>
      <c r="AP43" s="13"/>
      <c r="AQ43" s="13"/>
      <c r="AR43" s="13"/>
      <c r="AS43" s="13"/>
      <c r="AT43" s="13"/>
      <c r="AU43" s="13"/>
      <c r="AV43" s="13"/>
      <c r="AW43" s="13"/>
      <c r="AX43" s="13"/>
      <c r="AY43" s="13"/>
      <c r="AZ43" s="13"/>
      <c r="BA43" s="13"/>
      <c r="BB43" s="13"/>
      <c r="BC43" s="13"/>
      <c r="BD43" s="13"/>
      <c r="BE43" s="13"/>
      <c r="BF43" s="13"/>
      <c r="BG43" s="13"/>
      <c r="BH43" s="13"/>
      <c r="BI43" s="13"/>
      <c r="BJ43" s="13"/>
      <c r="BK43" s="13"/>
      <c r="BL43" s="13"/>
      <c r="BM43" s="13"/>
      <c r="BN43" s="13"/>
      <c r="BO43" s="13"/>
      <c r="BP43" s="13"/>
      <c r="BQ43" s="13"/>
      <c r="BR43" s="13"/>
      <c r="BS43" s="13"/>
      <c r="BT43" s="13"/>
      <c r="BU43" s="13"/>
      <c r="BV43" s="13"/>
      <c r="BW43" s="13"/>
      <c r="BX43" s="13"/>
      <c r="BY43" s="13"/>
      <c r="BZ43" s="13"/>
    </row>
    <row r="44" spans="1:78" ht="18" customHeight="1" x14ac:dyDescent="0.15">
      <c r="A44" s="15">
        <v>43</v>
      </c>
      <c r="B44" s="15" t="s">
        <v>145</v>
      </c>
      <c r="C44" s="16" t="s">
        <v>11</v>
      </c>
      <c r="D44" s="21" t="s">
        <v>129</v>
      </c>
      <c r="E44" s="49" t="s">
        <v>156</v>
      </c>
      <c r="F44" s="20">
        <v>10</v>
      </c>
      <c r="G44" s="47">
        <v>6920025</v>
      </c>
      <c r="H44" s="48" t="s">
        <v>157</v>
      </c>
      <c r="I44" s="22" t="s">
        <v>197</v>
      </c>
      <c r="J44" s="44"/>
    </row>
    <row r="45" spans="1:78" ht="18" customHeight="1" x14ac:dyDescent="0.15">
      <c r="A45" s="15">
        <v>44</v>
      </c>
      <c r="B45" s="15" t="s">
        <v>21</v>
      </c>
      <c r="C45" s="16" t="s">
        <v>14</v>
      </c>
      <c r="D45" s="16" t="s">
        <v>205</v>
      </c>
      <c r="E45" s="17" t="s">
        <v>166</v>
      </c>
      <c r="F45" s="15">
        <v>120</v>
      </c>
      <c r="G45" s="18">
        <v>6950021</v>
      </c>
      <c r="H45" s="15" t="s">
        <v>22</v>
      </c>
      <c r="I45" s="15" t="s">
        <v>23</v>
      </c>
      <c r="J45" s="15"/>
    </row>
    <row r="46" spans="1:78" ht="18" customHeight="1" x14ac:dyDescent="0.15">
      <c r="A46" s="15">
        <v>45</v>
      </c>
      <c r="B46" s="15" t="s">
        <v>21</v>
      </c>
      <c r="C46" s="16" t="s">
        <v>14</v>
      </c>
      <c r="D46" s="16" t="s">
        <v>205</v>
      </c>
      <c r="E46" s="17" t="s">
        <v>103</v>
      </c>
      <c r="F46" s="15">
        <v>50</v>
      </c>
      <c r="G46" s="18">
        <v>6992841</v>
      </c>
      <c r="H46" s="15" t="s">
        <v>104</v>
      </c>
      <c r="I46" s="15" t="s">
        <v>25</v>
      </c>
      <c r="J46" s="15"/>
    </row>
    <row r="47" spans="1:78" ht="18" customHeight="1" x14ac:dyDescent="0.15">
      <c r="A47" s="15">
        <v>46</v>
      </c>
      <c r="B47" s="15" t="s">
        <v>161</v>
      </c>
      <c r="C47" s="16" t="s">
        <v>14</v>
      </c>
      <c r="D47" s="21" t="s">
        <v>108</v>
      </c>
      <c r="E47" s="42" t="s">
        <v>144</v>
      </c>
      <c r="F47" s="20">
        <v>70</v>
      </c>
      <c r="G47" s="35">
        <v>6950017</v>
      </c>
      <c r="H47" s="20" t="s">
        <v>152</v>
      </c>
      <c r="I47" s="20" t="s">
        <v>182</v>
      </c>
      <c r="J47" s="60"/>
    </row>
    <row r="48" spans="1:78" ht="18" customHeight="1" x14ac:dyDescent="0.15">
      <c r="A48" s="15">
        <v>47</v>
      </c>
      <c r="B48" s="15" t="s">
        <v>21</v>
      </c>
      <c r="C48" s="16" t="s">
        <v>14</v>
      </c>
      <c r="D48" s="16" t="s">
        <v>169</v>
      </c>
      <c r="E48" s="58" t="s">
        <v>102</v>
      </c>
      <c r="F48" s="20">
        <v>70</v>
      </c>
      <c r="G48" s="35">
        <v>6950002</v>
      </c>
      <c r="H48" s="20" t="s">
        <v>85</v>
      </c>
      <c r="I48" s="20" t="s">
        <v>24</v>
      </c>
      <c r="J48" s="60"/>
    </row>
    <row r="49" spans="1:78" ht="18" customHeight="1" x14ac:dyDescent="0.15">
      <c r="A49" s="15">
        <v>48</v>
      </c>
      <c r="B49" s="15" t="s">
        <v>76</v>
      </c>
      <c r="C49" s="16" t="s">
        <v>11</v>
      </c>
      <c r="D49" s="16" t="s">
        <v>206</v>
      </c>
      <c r="E49" s="17" t="s">
        <v>167</v>
      </c>
      <c r="F49" s="15">
        <v>25</v>
      </c>
      <c r="G49" s="18">
        <v>6902801</v>
      </c>
      <c r="H49" s="15" t="s">
        <v>79</v>
      </c>
      <c r="I49" s="15" t="s">
        <v>51</v>
      </c>
      <c r="J49" s="15"/>
    </row>
    <row r="50" spans="1:78" ht="18" customHeight="1" x14ac:dyDescent="0.15">
      <c r="A50" s="15">
        <v>49</v>
      </c>
      <c r="B50" s="15" t="s">
        <v>76</v>
      </c>
      <c r="C50" s="16" t="s">
        <v>11</v>
      </c>
      <c r="D50" s="16" t="s">
        <v>206</v>
      </c>
      <c r="E50" s="17" t="s">
        <v>194</v>
      </c>
      <c r="F50" s="15">
        <v>25</v>
      </c>
      <c r="G50" s="18">
        <v>6902313</v>
      </c>
      <c r="H50" s="15" t="s">
        <v>80</v>
      </c>
      <c r="I50" s="15" t="s">
        <v>52</v>
      </c>
      <c r="J50" s="15"/>
    </row>
    <row r="51" spans="1:78" ht="18" customHeight="1" x14ac:dyDescent="0.15">
      <c r="A51" s="15">
        <v>50</v>
      </c>
      <c r="B51" s="15" t="s">
        <v>76</v>
      </c>
      <c r="C51" s="16" t="s">
        <v>11</v>
      </c>
      <c r="D51" s="16" t="s">
        <v>206</v>
      </c>
      <c r="E51" s="17" t="s">
        <v>195</v>
      </c>
      <c r="F51" s="15">
        <v>80</v>
      </c>
      <c r="G51" s="18">
        <v>6902701</v>
      </c>
      <c r="H51" s="15" t="s">
        <v>81</v>
      </c>
      <c r="I51" s="15" t="s">
        <v>82</v>
      </c>
      <c r="J51" s="15"/>
    </row>
    <row r="52" spans="1:78" ht="18" customHeight="1" x14ac:dyDescent="0.15">
      <c r="A52" s="15">
        <v>51</v>
      </c>
      <c r="B52" s="32" t="s">
        <v>76</v>
      </c>
      <c r="C52" s="28" t="s">
        <v>11</v>
      </c>
      <c r="D52" s="28" t="s">
        <v>108</v>
      </c>
      <c r="E52" s="66" t="s">
        <v>125</v>
      </c>
      <c r="F52" s="51">
        <v>100</v>
      </c>
      <c r="G52" s="53">
        <v>6991334</v>
      </c>
      <c r="H52" s="41" t="s">
        <v>126</v>
      </c>
      <c r="I52" s="51" t="s">
        <v>127</v>
      </c>
      <c r="J52" s="67"/>
    </row>
    <row r="53" spans="1:78" ht="18" customHeight="1" x14ac:dyDescent="0.15">
      <c r="A53" s="15">
        <v>52</v>
      </c>
      <c r="B53" s="20" t="s">
        <v>76</v>
      </c>
      <c r="C53" s="21" t="s">
        <v>11</v>
      </c>
      <c r="D53" s="21" t="s">
        <v>108</v>
      </c>
      <c r="E53" s="22" t="s">
        <v>128</v>
      </c>
      <c r="F53" s="20">
        <v>175</v>
      </c>
      <c r="G53" s="35">
        <v>6991105</v>
      </c>
      <c r="H53" s="20" t="s">
        <v>77</v>
      </c>
      <c r="I53" s="20" t="s">
        <v>78</v>
      </c>
      <c r="J53" s="20"/>
    </row>
    <row r="54" spans="1:78" ht="18" customHeight="1" x14ac:dyDescent="0.15">
      <c r="A54" s="15">
        <v>53</v>
      </c>
      <c r="B54" s="20" t="s">
        <v>76</v>
      </c>
      <c r="C54" s="21" t="s">
        <v>11</v>
      </c>
      <c r="D54" s="21" t="s">
        <v>129</v>
      </c>
      <c r="E54" s="40" t="s">
        <v>190</v>
      </c>
      <c r="F54" s="20">
        <v>15</v>
      </c>
      <c r="G54" s="47">
        <v>6991206</v>
      </c>
      <c r="H54" s="40" t="s">
        <v>132</v>
      </c>
      <c r="I54" s="22" t="s">
        <v>133</v>
      </c>
      <c r="J54" s="44"/>
      <c r="BY54" s="5"/>
      <c r="BZ54" s="5"/>
    </row>
    <row r="55" spans="1:78" ht="18" customHeight="1" x14ac:dyDescent="0.15">
      <c r="A55" s="15">
        <v>54</v>
      </c>
      <c r="B55" s="24" t="s">
        <v>76</v>
      </c>
      <c r="C55" s="25" t="s">
        <v>11</v>
      </c>
      <c r="D55" s="36" t="s">
        <v>129</v>
      </c>
      <c r="E55" s="68" t="s">
        <v>191</v>
      </c>
      <c r="F55" s="69">
        <v>30</v>
      </c>
      <c r="G55" s="37">
        <v>6991311</v>
      </c>
      <c r="H55" s="38" t="s">
        <v>134</v>
      </c>
      <c r="I55" s="70" t="s">
        <v>135</v>
      </c>
      <c r="J55" s="71"/>
    </row>
    <row r="56" spans="1:78" ht="18" customHeight="1" x14ac:dyDescent="0.15">
      <c r="A56" s="15">
        <v>55</v>
      </c>
      <c r="B56" s="32" t="s">
        <v>76</v>
      </c>
      <c r="C56" s="28" t="s">
        <v>11</v>
      </c>
      <c r="D56" s="30" t="s">
        <v>129</v>
      </c>
      <c r="E56" s="50" t="s">
        <v>192</v>
      </c>
      <c r="F56" s="51">
        <v>20</v>
      </c>
      <c r="G56" s="47">
        <v>6902402</v>
      </c>
      <c r="H56" s="48" t="s">
        <v>136</v>
      </c>
      <c r="I56" s="22" t="s">
        <v>137</v>
      </c>
      <c r="J56" s="44"/>
    </row>
    <row r="57" spans="1:78" ht="18" customHeight="1" x14ac:dyDescent="0.15">
      <c r="A57" s="15">
        <v>56</v>
      </c>
      <c r="B57" s="51" t="s">
        <v>76</v>
      </c>
      <c r="C57" s="30" t="s">
        <v>11</v>
      </c>
      <c r="D57" s="30" t="s">
        <v>129</v>
      </c>
      <c r="E57" s="52" t="s">
        <v>193</v>
      </c>
      <c r="F57" s="51">
        <v>25</v>
      </c>
      <c r="G57" s="53">
        <v>6991252</v>
      </c>
      <c r="H57" s="57" t="s">
        <v>138</v>
      </c>
      <c r="I57" s="41" t="s">
        <v>139</v>
      </c>
      <c r="J57" s="44"/>
    </row>
    <row r="58" spans="1:78" ht="18" customHeight="1" x14ac:dyDescent="0.15">
      <c r="A58" s="15">
        <v>57</v>
      </c>
      <c r="B58" s="20" t="s">
        <v>146</v>
      </c>
      <c r="C58" s="21" t="s">
        <v>11</v>
      </c>
      <c r="D58" s="21" t="s">
        <v>129</v>
      </c>
      <c r="E58" s="49" t="s">
        <v>147</v>
      </c>
      <c r="F58" s="20">
        <v>15</v>
      </c>
      <c r="G58" s="47">
        <v>6991232</v>
      </c>
      <c r="H58" s="20" t="s">
        <v>160</v>
      </c>
      <c r="I58" s="22" t="s">
        <v>198</v>
      </c>
      <c r="J58" s="54"/>
      <c r="BY58" s="5"/>
      <c r="BZ58" s="5"/>
    </row>
    <row r="59" spans="1:78" ht="18" customHeight="1" x14ac:dyDescent="0.15">
      <c r="A59" s="15">
        <v>58</v>
      </c>
      <c r="B59" s="15" t="s">
        <v>105</v>
      </c>
      <c r="C59" s="16" t="s">
        <v>11</v>
      </c>
      <c r="D59" s="16" t="s">
        <v>205</v>
      </c>
      <c r="E59" s="17" t="s">
        <v>106</v>
      </c>
      <c r="F59" s="15">
        <v>50</v>
      </c>
      <c r="G59" s="18">
        <v>6850027</v>
      </c>
      <c r="H59" s="15" t="s">
        <v>107</v>
      </c>
      <c r="I59" s="15" t="s">
        <v>2</v>
      </c>
      <c r="J59" s="15"/>
    </row>
    <row r="60" spans="1:78" ht="17.25" customHeight="1" x14ac:dyDescent="0.15">
      <c r="A60" s="64"/>
      <c r="B60" s="64"/>
      <c r="C60" s="64"/>
      <c r="D60" s="64"/>
      <c r="E60" s="64"/>
      <c r="F60" s="64"/>
      <c r="G60" s="64"/>
      <c r="H60" s="64"/>
      <c r="I60" s="64"/>
      <c r="J60" s="64"/>
    </row>
    <row r="61" spans="1:78" x14ac:dyDescent="0.15">
      <c r="A61" s="43"/>
      <c r="B61" s="43"/>
      <c r="C61" s="46"/>
      <c r="D61" s="46"/>
      <c r="E61" s="55"/>
      <c r="F61" s="55"/>
      <c r="G61" s="55"/>
      <c r="H61" s="56"/>
      <c r="I61" s="55"/>
      <c r="J61" s="45"/>
    </row>
  </sheetData>
  <phoneticPr fontId="5"/>
  <printOptions horizontalCentered="1"/>
  <pageMargins left="0.19685039370078741" right="0.15748031496062992" top="0.35433070866141736" bottom="0.27559055118110237" header="0.19685039370078741" footer="0.15748031496062992"/>
  <pageSetup paperSize="9" scale="50" fitToHeight="4" orientation="landscape" cellComments="asDisplayed" useFirstPageNumber="1" r:id="rId1"/>
  <headerFooter alignWithMargins="0">
    <oddFooter>&amp;C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6</vt:i4>
      </vt:variant>
    </vt:vector>
  </HeadingPairs>
  <TitlesOfParts>
    <vt:vector size="7" baseType="lpstr">
      <vt:lpstr>認定こども園</vt:lpstr>
      <vt:lpstr>DATA1</vt:lpstr>
      <vt:lpstr>FULLDATA</vt:lpstr>
      <vt:lpstr>PRINT</vt:lpstr>
      <vt:lpstr>認定こども園!Print_Area</vt:lpstr>
      <vt:lpstr>認定こども園!Print_Titles</vt:lpstr>
      <vt:lpstr>TEST1</vt:lpstr>
    </vt:vector>
  </TitlesOfParts>
  <Company>島根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</dc:creator>
  <cp:lastModifiedBy>Windows ユーザー</cp:lastModifiedBy>
  <cp:lastPrinted>2019-07-30T06:29:32Z</cp:lastPrinted>
  <dcterms:created xsi:type="dcterms:W3CDTF">2005-03-27T03:22:32Z</dcterms:created>
  <dcterms:modified xsi:type="dcterms:W3CDTF">2019-08-22T06:49:09Z</dcterms:modified>
</cp:coreProperties>
</file>